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5CCD523E-3261-45CE-8939-1AC2C557C20E}" xr6:coauthVersionLast="47" xr6:coauthVersionMax="47" xr10:uidLastSave="{00000000-0000-0000-0000-000000000000}"/>
  <bookViews>
    <workbookView xWindow="-120" yWindow="-120" windowWidth="20730" windowHeight="11160" xr2:uid="{15AE4042-1F29-496F-BEA3-5C4A4A7BDE93}"/>
  </bookViews>
  <sheets>
    <sheet name="別紙16" sheetId="2" r:id="rId1"/>
    <sheet name="Sheet1" sheetId="1" r:id="rId2"/>
  </sheets>
  <externalReferences>
    <externalReference r:id="rId3"/>
    <externalReference r:id="rId4"/>
    <externalReference r:id="rId5"/>
  </externalReferences>
  <definedNames>
    <definedName name="ｋ">#N/A</definedName>
    <definedName name="_xlnm.Print_Area" localSheetId="0">別紙16!$A$1:$Z$116</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205" uniqueCount="74">
  <si>
    <t>（別紙16）</t>
    <phoneticPr fontId="4"/>
  </si>
  <si>
    <t>緊急時（介護予防）訪問看護加算・緊急時対応加算・特別管理体制・ターミナルケア体制に係る届出書</t>
    <rPh sb="4" eb="6">
      <t>カイゴ</t>
    </rPh>
    <rPh sb="6" eb="8">
      <t>ヨボウ</t>
    </rPh>
    <rPh sb="16" eb="19">
      <t>キンキュウジ</t>
    </rPh>
    <rPh sb="19" eb="21">
      <t>タイオウ</t>
    </rPh>
    <rPh sb="21" eb="23">
      <t>カサン</t>
    </rPh>
    <rPh sb="38" eb="40">
      <t>タイセイ</t>
    </rPh>
    <rPh sb="41" eb="42">
      <t>カカ</t>
    </rPh>
    <rPh sb="43" eb="46">
      <t>トドケデショ</t>
    </rPh>
    <phoneticPr fontId="4"/>
  </si>
  <si>
    <t>事 業 所 名</t>
  </si>
  <si>
    <t>異動等区分</t>
    <phoneticPr fontId="4"/>
  </si>
  <si>
    <t>□</t>
  </si>
  <si>
    <t>1　新規</t>
    <phoneticPr fontId="4"/>
  </si>
  <si>
    <t>2　変更</t>
    <phoneticPr fontId="4"/>
  </si>
  <si>
    <t>3　終了</t>
    <phoneticPr fontId="4"/>
  </si>
  <si>
    <t>施設等の区分</t>
    <phoneticPr fontId="4"/>
  </si>
  <si>
    <t>1　(介護予防）訪問看護事業所（訪問看護ステーション）</t>
    <phoneticPr fontId="4"/>
  </si>
  <si>
    <t>2　(介護予防）訪問看護事業所（病院又は診療所）</t>
    <phoneticPr fontId="4"/>
  </si>
  <si>
    <t>3　定期巡回・随時対応型訪問介護看護事業所</t>
    <phoneticPr fontId="4"/>
  </si>
  <si>
    <t>4　看護小規模多機能型居宅介護事業所</t>
    <phoneticPr fontId="4"/>
  </si>
  <si>
    <t>届 出 項 目</t>
    <phoneticPr fontId="4"/>
  </si>
  <si>
    <t>1　緊急時（介護予防）訪問看護加算</t>
    <phoneticPr fontId="4"/>
  </si>
  <si>
    <t>2　緊急時対応加算</t>
    <rPh sb="2" eb="5">
      <t>キンキュウジ</t>
    </rPh>
    <rPh sb="5" eb="7">
      <t>タイオウ</t>
    </rPh>
    <rPh sb="7" eb="9">
      <t>カサン</t>
    </rPh>
    <phoneticPr fontId="4"/>
  </si>
  <si>
    <t>3　特別管理加算に係る体制</t>
    <phoneticPr fontId="4"/>
  </si>
  <si>
    <t>4　ターミナルケア体制</t>
    <phoneticPr fontId="4"/>
  </si>
  <si>
    <t xml:space="preserve"> 1　緊急時（介護予防）訪問看護加算又は緊急時対応加算に係る届出内容</t>
    <rPh sb="18" eb="19">
      <t>マタ</t>
    </rPh>
    <rPh sb="20" eb="23">
      <t>キンキュウジ</t>
    </rPh>
    <rPh sb="23" eb="25">
      <t>タイオウ</t>
    </rPh>
    <rPh sb="25" eb="27">
      <t>カサン</t>
    </rPh>
    <phoneticPr fontId="4"/>
  </si>
  <si>
    <t>①　連絡相談を担当する職員 （</t>
    <phoneticPr fontId="4"/>
  </si>
  <si>
    <t>　）人</t>
    <rPh sb="2" eb="3">
      <t>ニン</t>
    </rPh>
    <phoneticPr fontId="4"/>
  </si>
  <si>
    <t>保健師</t>
  </si>
  <si>
    <t>人</t>
  </si>
  <si>
    <t>常勤</t>
  </si>
  <si>
    <t>非常勤</t>
  </si>
  <si>
    <t>看護師</t>
  </si>
  <si>
    <t>保健師、看護師以外の職員が利用者又はその家族等からの電話等に対応する体制となっているか。「有」にチェックを入れた場合、下記の欄に保健師、看護師以外の職員について記載すること。　※緊急時（介護予防）訪問看護加算のみ　</t>
    <rPh sb="22" eb="23">
      <t>ナド</t>
    </rPh>
    <rPh sb="28" eb="29">
      <t>ナド</t>
    </rPh>
    <rPh sb="34" eb="36">
      <t>タイセイ</t>
    </rPh>
    <rPh sb="64" eb="66">
      <t>ホケン</t>
    </rPh>
    <rPh sb="66" eb="67">
      <t>シ</t>
    </rPh>
    <rPh sb="68" eb="71">
      <t>カンゴシ</t>
    </rPh>
    <rPh sb="71" eb="73">
      <t>イガイ</t>
    </rPh>
    <rPh sb="74" eb="76">
      <t>ショクイン</t>
    </rPh>
    <rPh sb="80" eb="82">
      <t>キサイ</t>
    </rPh>
    <phoneticPr fontId="4"/>
  </si>
  <si>
    <t>有</t>
    <rPh sb="0" eb="1">
      <t>ア</t>
    </rPh>
    <phoneticPr fontId="4"/>
  </si>
  <si>
    <t>・</t>
    <phoneticPr fontId="4"/>
  </si>
  <si>
    <t>無</t>
    <rPh sb="0" eb="1">
      <t>ナ</t>
    </rPh>
    <phoneticPr fontId="4"/>
  </si>
  <si>
    <t>・</t>
  </si>
  <si>
    <t>　保健師、看護師以外の職員</t>
    <rPh sb="1" eb="4">
      <t>ホケンシ</t>
    </rPh>
    <rPh sb="5" eb="8">
      <t>カンゴシ</t>
    </rPh>
    <rPh sb="8" eb="10">
      <t>イガイ</t>
    </rPh>
    <rPh sb="11" eb="13">
      <t>ショクイン</t>
    </rPh>
    <phoneticPr fontId="4"/>
  </si>
  <si>
    <t>理学療法士</t>
    <rPh sb="0" eb="2">
      <t>リガク</t>
    </rPh>
    <rPh sb="2" eb="5">
      <t>リョウホウシ</t>
    </rPh>
    <phoneticPr fontId="4"/>
  </si>
  <si>
    <t>作業療法士</t>
    <rPh sb="0" eb="2">
      <t>サギョウ</t>
    </rPh>
    <rPh sb="2" eb="5">
      <t>リョウホウシ</t>
    </rPh>
    <phoneticPr fontId="4"/>
  </si>
  <si>
    <t>言語聴覚士</t>
    <rPh sb="0" eb="2">
      <t>ゲンゴ</t>
    </rPh>
    <rPh sb="2" eb="5">
      <t>チョウカクシ</t>
    </rPh>
    <phoneticPr fontId="4"/>
  </si>
  <si>
    <t>事務職員</t>
    <rPh sb="0" eb="2">
      <t>ジム</t>
    </rPh>
    <rPh sb="2" eb="4">
      <t>ショクイン</t>
    </rPh>
    <phoneticPr fontId="4"/>
  </si>
  <si>
    <t>その他</t>
    <rPh sb="2" eb="3">
      <t>タ</t>
    </rPh>
    <phoneticPr fontId="4"/>
  </si>
  <si>
    <t>②　連絡方法</t>
    <phoneticPr fontId="4"/>
  </si>
  <si>
    <t>③　連絡先電話番号</t>
    <phoneticPr fontId="4"/>
  </si>
  <si>
    <t>（</t>
    <phoneticPr fontId="4"/>
  </si>
  <si>
    <t>）</t>
    <phoneticPr fontId="4"/>
  </si>
  <si>
    <t xml:space="preserve"> 2　看護師等以外の職員が利用者又は家族等からの電話連絡を受ける場合に必要な</t>
    <rPh sb="29" eb="30">
      <t>ウ</t>
    </rPh>
    <rPh sb="32" eb="34">
      <t>バアイ</t>
    </rPh>
    <rPh sb="35" eb="37">
      <t>ヒツヨウ</t>
    </rPh>
    <phoneticPr fontId="4"/>
  </si>
  <si>
    <t>体制　※ (介護予防）訪問看護事業所のみ</t>
    <rPh sb="0" eb="2">
      <t>タイセイ</t>
    </rPh>
    <phoneticPr fontId="4"/>
  </si>
  <si>
    <t>①　看護師等以外の職員が利用者又はその家族等からの電話等による連絡及び</t>
    <phoneticPr fontId="4"/>
  </si>
  <si>
    <t>マニュアル添付</t>
    <rPh sb="5" eb="7">
      <t>テンプ</t>
    </rPh>
    <phoneticPr fontId="4"/>
  </si>
  <si>
    <t>　 相談に対応する際のマニュアルが整備されていること。</t>
    <phoneticPr fontId="4"/>
  </si>
  <si>
    <t>②　緊急の訪問看護の必要性の判断を保健師又は看護師が速やかに行え
る連絡</t>
    <phoneticPr fontId="4"/>
  </si>
  <si>
    <t xml:space="preserve">    体制及び緊急の訪問看護が可能な体制が整備されているこ
と。</t>
    <phoneticPr fontId="4"/>
  </si>
  <si>
    <t>③　当該訪問看護ステーションの管理者は、連絡相談を担当する看護師
等以外の</t>
    <phoneticPr fontId="4"/>
  </si>
  <si>
    <t xml:space="preserve">    職員の勤務体制及び勤務状況を明らかにすること。</t>
    <phoneticPr fontId="4"/>
  </si>
  <si>
    <t>④　看護師等以外の職員は、電話等により連絡及び相談を受けた際に、保
健師</t>
    <phoneticPr fontId="4"/>
  </si>
  <si>
    <t xml:space="preserve">    又は看護師へ報告すること。報告を受けた保健師又は看護師は、当該報告</t>
    <phoneticPr fontId="4"/>
  </si>
  <si>
    <t xml:space="preserve">    内容等を訪問看護記録書に記録すること。</t>
    <phoneticPr fontId="4"/>
  </si>
  <si>
    <t>⑤　①から④について、利用者及び家族等に説明し、同意を得ること。</t>
    <phoneticPr fontId="4"/>
  </si>
  <si>
    <t>3　緊急時（介護予防）訪問看護加算（Ⅰ）に係る届出内容（①又は②は必須項目）</t>
    <rPh sb="29" eb="30">
      <t>マタ</t>
    </rPh>
    <rPh sb="33" eb="35">
      <t>ヒッス</t>
    </rPh>
    <rPh sb="35" eb="37">
      <t>コウモク</t>
    </rPh>
    <phoneticPr fontId="4"/>
  </si>
  <si>
    <t>※　(介護予防）訪問看護事業所、定期巡回・随時対応型訪問介護看護のみ</t>
    <rPh sb="16" eb="18">
      <t>テイキ</t>
    </rPh>
    <rPh sb="18" eb="20">
      <t>ジュンカイ</t>
    </rPh>
    <rPh sb="21" eb="23">
      <t>ズイジ</t>
    </rPh>
    <rPh sb="23" eb="26">
      <t>タイオウガタ</t>
    </rPh>
    <rPh sb="26" eb="28">
      <t>ホウモン</t>
    </rPh>
    <rPh sb="28" eb="30">
      <t>カイゴ</t>
    </rPh>
    <rPh sb="30" eb="32">
      <t>カンゴ</t>
    </rPh>
    <phoneticPr fontId="4"/>
  </si>
  <si>
    <t>①　夜間対応した翌日の勤務間隔の確保</t>
    <phoneticPr fontId="4"/>
  </si>
  <si>
    <t>②　夜間対応に係る勤務の連続回数が２連続（２回）まで</t>
    <rPh sb="9" eb="11">
      <t>キンム</t>
    </rPh>
    <rPh sb="14" eb="16">
      <t>カイスウ</t>
    </rPh>
    <rPh sb="18" eb="20">
      <t>レンゾク</t>
    </rPh>
    <phoneticPr fontId="4"/>
  </si>
  <si>
    <t>③　夜間対応後の暦日の休日確保</t>
    <phoneticPr fontId="4"/>
  </si>
  <si>
    <t>④　夜間勤務のニーズを踏まえた勤務体制の工夫</t>
    <phoneticPr fontId="4"/>
  </si>
  <si>
    <t>⑤　ICT、AI、IoT等の活用による業務負担軽減</t>
    <rPh sb="12" eb="13">
      <t>トウ</t>
    </rPh>
    <phoneticPr fontId="4"/>
  </si>
  <si>
    <t>⑥　電話等による連絡及び相談を担当する者に対する支援体制の確保</t>
    <phoneticPr fontId="4"/>
  </si>
  <si>
    <t>備考　緊急時の（介護予防）訪問看護、特別管理、ターミナルケアのそれぞれについて、体制を</t>
    <rPh sb="8" eb="10">
      <t>カイゴ</t>
    </rPh>
    <rPh sb="10" eb="12">
      <t>ヨボウ</t>
    </rPh>
    <phoneticPr fontId="4"/>
  </si>
  <si>
    <t>　　敷いている場合について提出してください。２の看護師等以外の職員が電話連絡の対応を行う</t>
    <rPh sb="24" eb="27">
      <t>カンゴシ</t>
    </rPh>
    <rPh sb="27" eb="28">
      <t>トウ</t>
    </rPh>
    <rPh sb="28" eb="30">
      <t>イガイ</t>
    </rPh>
    <rPh sb="31" eb="33">
      <t>ショクイン</t>
    </rPh>
    <rPh sb="34" eb="36">
      <t>デンワ</t>
    </rPh>
    <rPh sb="36" eb="38">
      <t>レンラク</t>
    </rPh>
    <rPh sb="39" eb="41">
      <t>タイオウ</t>
    </rPh>
    <rPh sb="42" eb="43">
      <t>オコナ</t>
    </rPh>
    <phoneticPr fontId="4"/>
  </si>
  <si>
    <t>　　場合には、２の①の「マニュアル」も添付してください。</t>
    <rPh sb="2" eb="4">
      <t>バアイ</t>
    </rPh>
    <rPh sb="19" eb="21">
      <t>テンプ</t>
    </rPh>
    <phoneticPr fontId="4"/>
  </si>
  <si>
    <t>緊急時（介護予防）訪問看護加算・特別管理体制・ターミナルケア体制に係る届出書</t>
    <rPh sb="4" eb="6">
      <t>カイゴ</t>
    </rPh>
    <rPh sb="6" eb="8">
      <t>ヨボウ</t>
    </rPh>
    <rPh sb="30" eb="32">
      <t>タイセイ</t>
    </rPh>
    <rPh sb="33" eb="34">
      <t>カカ</t>
    </rPh>
    <rPh sb="35" eb="38">
      <t>トドケデショ</t>
    </rPh>
    <phoneticPr fontId="4"/>
  </si>
  <si>
    <t>4　特別管理加算に係る体制の届出内容</t>
    <rPh sb="11" eb="13">
      <t>タイセイ</t>
    </rPh>
    <rPh sb="14" eb="16">
      <t>トドケデ</t>
    </rPh>
    <phoneticPr fontId="4"/>
  </si>
  <si>
    <t>①　24時間常時連絡できる体制を整備している。</t>
    <phoneticPr fontId="4"/>
  </si>
  <si>
    <t>②　当該加算に対応可能な職員体制・勤務体制を整備している。</t>
    <phoneticPr fontId="4"/>
  </si>
  <si>
    <t>③　病状の変化、医療器具に係る取扱い等において医療機関等との密接な</t>
    <phoneticPr fontId="4"/>
  </si>
  <si>
    <t>　連携体制を整備している。</t>
    <phoneticPr fontId="4"/>
  </si>
  <si>
    <t xml:space="preserve"> 5　ターミナルケア体制に係る届出内容</t>
    <rPh sb="10" eb="12">
      <t>タイセイ</t>
    </rPh>
    <rPh sb="15" eb="17">
      <t>トドケデ</t>
    </rPh>
    <phoneticPr fontId="4"/>
  </si>
  <si>
    <t>②　ターミナルケアの提供過程における利用者の心身状況の変化及びこれに</t>
    <rPh sb="10" eb="12">
      <t>テイキョウ</t>
    </rPh>
    <rPh sb="12" eb="14">
      <t>カテイ</t>
    </rPh>
    <rPh sb="18" eb="21">
      <t>リヨウシャ</t>
    </rPh>
    <rPh sb="22" eb="24">
      <t>シンシン</t>
    </rPh>
    <rPh sb="24" eb="26">
      <t>ジョウキョウ</t>
    </rPh>
    <rPh sb="27" eb="29">
      <t>ヘンカ</t>
    </rPh>
    <rPh sb="29" eb="30">
      <t>オヨ</t>
    </rPh>
    <phoneticPr fontId="4"/>
  </si>
  <si>
    <t>　対する看護の内容等必要な事項が適切に記録される体制を整備している。</t>
    <rPh sb="4" eb="6">
      <t>カンゴ</t>
    </rPh>
    <rPh sb="7" eb="9">
      <t>ナイヨウ</t>
    </rPh>
    <rPh sb="9" eb="10">
      <t>トウ</t>
    </rPh>
    <rPh sb="10" eb="12">
      <t>ヒツヨウ</t>
    </rPh>
    <rPh sb="13" eb="15">
      <t>ジコウ</t>
    </rPh>
    <rPh sb="16" eb="18">
      <t>テキセツ</t>
    </rPh>
    <rPh sb="19" eb="21">
      <t>キロク</t>
    </rPh>
    <rPh sb="24" eb="26">
      <t>タイセイ</t>
    </rPh>
    <rPh sb="27" eb="29">
      <t>セイビ</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
      <name val="HGSｺﾞｼｯｸM"/>
      <family val="3"/>
      <charset val="128"/>
    </font>
    <font>
      <b/>
      <sz val="8"/>
      <name val="HGSｺﾞｼｯｸM"/>
      <family val="3"/>
      <charset val="128"/>
    </font>
    <font>
      <b/>
      <sz val="11"/>
      <name val="HGSｺﾞｼｯｸM"/>
      <family val="3"/>
      <charset val="128"/>
    </font>
  </fonts>
  <fills count="2">
    <fill>
      <patternFill patternType="none"/>
    </fill>
    <fill>
      <patternFill patternType="gray125"/>
    </fill>
  </fills>
  <borders count="1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s>
  <cellStyleXfs count="2">
    <xf numFmtId="0" fontId="0" fillId="0" borderId="0">
      <alignment vertical="center"/>
    </xf>
    <xf numFmtId="0" fontId="1" fillId="0" borderId="0"/>
  </cellStyleXfs>
  <cellXfs count="70">
    <xf numFmtId="0" fontId="0" fillId="0" borderId="0" xfId="0">
      <alignment vertical="center"/>
    </xf>
    <xf numFmtId="0" fontId="2" fillId="0" borderId="0" xfId="1" applyFont="1" applyAlignment="1">
      <alignment horizontal="left" vertical="center"/>
    </xf>
    <xf numFmtId="0" fontId="1" fillId="0" borderId="0" xfId="1"/>
    <xf numFmtId="0" fontId="5"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2" xfId="1" applyFont="1" applyBorder="1" applyAlignment="1">
      <alignment horizontal="center" vertical="center"/>
    </xf>
    <xf numFmtId="0" fontId="2" fillId="0" borderId="3" xfId="1" applyFont="1" applyBorder="1" applyAlignment="1">
      <alignment vertical="center"/>
    </xf>
    <xf numFmtId="0" fontId="2" fillId="0" borderId="0" xfId="1" applyFont="1" applyAlignment="1">
      <alignment horizontal="center"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6" xfId="1" applyFont="1" applyBorder="1" applyAlignment="1">
      <alignment horizontal="left" vertical="center"/>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2" fillId="0" borderId="8" xfId="1" applyFont="1" applyBorder="1" applyAlignment="1">
      <alignment horizontal="center" vertical="center"/>
    </xf>
    <xf numFmtId="0" fontId="2" fillId="0" borderId="0" xfId="1" applyFont="1" applyAlignment="1">
      <alignment horizontal="center" vertical="center"/>
    </xf>
    <xf numFmtId="0" fontId="2" fillId="0" borderId="9" xfId="1" applyFont="1" applyBorder="1" applyAlignment="1">
      <alignment horizontal="center" vertical="center"/>
    </xf>
    <xf numFmtId="0" fontId="2" fillId="0" borderId="0" xfId="1" applyFont="1" applyAlignment="1">
      <alignment horizontal="left" vertical="center" wrapText="1"/>
    </xf>
    <xf numFmtId="0" fontId="2" fillId="0" borderId="9" xfId="1" applyFont="1" applyBorder="1" applyAlignment="1">
      <alignment horizontal="left" vertical="center" wrapText="1"/>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2" fillId="0" borderId="12" xfId="1" applyFont="1" applyBorder="1" applyAlignment="1">
      <alignment horizontal="center" vertical="center"/>
    </xf>
    <xf numFmtId="0" fontId="2" fillId="0" borderId="10" xfId="1" applyFont="1" applyBorder="1" applyAlignment="1">
      <alignment horizontal="center" vertical="center"/>
    </xf>
    <xf numFmtId="0" fontId="2" fillId="0" borderId="11" xfId="1" applyFont="1" applyBorder="1" applyAlignment="1">
      <alignment horizontal="left" vertical="center"/>
    </xf>
    <xf numFmtId="0" fontId="2" fillId="0" borderId="11" xfId="1" applyFont="1" applyBorder="1" applyAlignment="1">
      <alignment horizontal="left" vertical="center" wrapText="1"/>
    </xf>
    <xf numFmtId="0" fontId="2" fillId="0" borderId="12" xfId="1" applyFont="1" applyBorder="1" applyAlignment="1">
      <alignment horizontal="left" vertical="center" wrapText="1"/>
    </xf>
    <xf numFmtId="0" fontId="2" fillId="0" borderId="5"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left" vertical="center"/>
    </xf>
    <xf numFmtId="0" fontId="2" fillId="0" borderId="9" xfId="1" applyFont="1" applyBorder="1" applyAlignment="1">
      <alignment horizontal="left"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4" xfId="1" applyFont="1" applyBorder="1" applyAlignment="1">
      <alignment horizontal="center" vertical="center"/>
    </xf>
    <xf numFmtId="0" fontId="2" fillId="0" borderId="4" xfId="1" applyFont="1" applyBorder="1" applyAlignment="1">
      <alignment horizontal="center" vertical="center"/>
    </xf>
    <xf numFmtId="0" fontId="2" fillId="0" borderId="2" xfId="1" applyFont="1" applyBorder="1" applyAlignment="1">
      <alignment horizontal="left" vertical="center"/>
    </xf>
    <xf numFmtId="0" fontId="2" fillId="0" borderId="5" xfId="1" applyFont="1" applyBorder="1" applyAlignment="1">
      <alignment horizontal="left" vertical="center" wrapText="1"/>
    </xf>
    <xf numFmtId="0" fontId="2" fillId="0" borderId="6" xfId="1" applyFont="1" applyBorder="1" applyAlignment="1">
      <alignment horizontal="left" vertical="center"/>
    </xf>
    <xf numFmtId="0" fontId="2" fillId="0" borderId="7" xfId="1" applyFont="1" applyBorder="1" applyAlignment="1">
      <alignment horizontal="left" vertical="center"/>
    </xf>
    <xf numFmtId="0" fontId="6" fillId="0" borderId="5" xfId="1" applyFont="1" applyBorder="1" applyAlignment="1">
      <alignment horizontal="center" vertical="center"/>
    </xf>
    <xf numFmtId="0" fontId="7" fillId="0" borderId="6" xfId="1" applyFont="1" applyBorder="1" applyAlignment="1">
      <alignment horizontal="center" vertical="center"/>
    </xf>
    <xf numFmtId="0" fontId="6" fillId="0" borderId="4" xfId="1" applyFont="1" applyBorder="1" applyAlignment="1">
      <alignment horizontal="center" vertical="center"/>
    </xf>
    <xf numFmtId="0" fontId="2" fillId="0" borderId="10" xfId="1" applyFont="1" applyBorder="1" applyAlignment="1">
      <alignment horizontal="left" vertical="center"/>
    </xf>
    <xf numFmtId="0" fontId="2" fillId="0" borderId="11" xfId="1" applyFont="1" applyBorder="1" applyAlignment="1">
      <alignment horizontal="left" vertical="center"/>
    </xf>
    <xf numFmtId="0" fontId="2" fillId="0" borderId="12" xfId="1" applyFont="1" applyBorder="1" applyAlignment="1">
      <alignment horizontal="left" vertical="center"/>
    </xf>
    <xf numFmtId="0" fontId="2" fillId="0" borderId="3" xfId="1" applyFont="1" applyBorder="1" applyAlignment="1">
      <alignment horizontal="center" vertical="center"/>
    </xf>
    <xf numFmtId="0" fontId="2" fillId="0" borderId="2" xfId="1" applyFont="1" applyBorder="1" applyAlignment="1">
      <alignment horizontal="left" vertical="center" wrapText="1"/>
    </xf>
    <xf numFmtId="0" fontId="2" fillId="0" borderId="3" xfId="1" applyFont="1" applyBorder="1" applyAlignment="1">
      <alignment horizontal="left" vertical="center" wrapText="1"/>
    </xf>
    <xf numFmtId="0" fontId="2" fillId="0" borderId="4" xfId="1" applyFont="1" applyBorder="1" applyAlignment="1">
      <alignment horizontal="left" vertical="center" wrapText="1"/>
    </xf>
    <xf numFmtId="0" fontId="2" fillId="0" borderId="2" xfId="1" applyFont="1" applyBorder="1" applyAlignment="1">
      <alignment horizontal="left" vertical="top"/>
    </xf>
    <xf numFmtId="0" fontId="2" fillId="0" borderId="3" xfId="1" applyFont="1" applyBorder="1" applyAlignment="1">
      <alignment horizontal="left" vertical="top"/>
    </xf>
    <xf numFmtId="0" fontId="2" fillId="0" borderId="4" xfId="1" applyFont="1" applyBorder="1" applyAlignment="1">
      <alignment horizontal="left" vertical="top"/>
    </xf>
    <xf numFmtId="0" fontId="1" fillId="0" borderId="11" xfId="1" applyBorder="1"/>
    <xf numFmtId="0" fontId="2" fillId="0" borderId="13" xfId="1" applyFont="1" applyBorder="1" applyAlignment="1">
      <alignment horizontal="center" vertical="center"/>
    </xf>
    <xf numFmtId="0" fontId="2" fillId="0" borderId="11" xfId="1" applyFont="1" applyBorder="1" applyAlignment="1">
      <alignment vertical="center"/>
    </xf>
    <xf numFmtId="0" fontId="2" fillId="0" borderId="14" xfId="1" applyFont="1" applyBorder="1" applyAlignment="1">
      <alignment horizontal="left" vertical="center"/>
    </xf>
    <xf numFmtId="0" fontId="1" fillId="0" borderId="8" xfId="1" applyBorder="1"/>
    <xf numFmtId="0" fontId="2" fillId="0" borderId="1" xfId="1" applyFont="1" applyBorder="1" applyAlignment="1">
      <alignment horizontal="center" vertical="center"/>
    </xf>
    <xf numFmtId="0" fontId="2" fillId="0" borderId="10" xfId="1" applyFont="1" applyBorder="1" applyAlignment="1">
      <alignment horizontal="left" vertical="center"/>
    </xf>
    <xf numFmtId="0" fontId="2" fillId="0" borderId="12" xfId="1" applyFont="1" applyBorder="1" applyAlignment="1">
      <alignment horizontal="left" vertical="center"/>
    </xf>
    <xf numFmtId="0" fontId="7" fillId="0" borderId="0" xfId="1" applyFont="1" applyAlignment="1">
      <alignment horizontal="center" vertical="center"/>
    </xf>
    <xf numFmtId="0" fontId="2" fillId="0" borderId="9" xfId="1" applyFont="1" applyBorder="1" applyAlignment="1">
      <alignment vertical="center"/>
    </xf>
    <xf numFmtId="0" fontId="2" fillId="0" borderId="9" xfId="1" applyFont="1" applyBorder="1" applyAlignment="1">
      <alignment horizontal="center" vertical="center"/>
    </xf>
    <xf numFmtId="0" fontId="2" fillId="0" borderId="0" xfId="1" applyFont="1" applyAlignment="1">
      <alignment vertical="center"/>
    </xf>
    <xf numFmtId="0" fontId="2" fillId="0" borderId="6" xfId="1" applyFont="1" applyBorder="1" applyAlignment="1">
      <alignment horizontal="center" vertical="center"/>
    </xf>
    <xf numFmtId="0" fontId="2" fillId="0" borderId="11" xfId="1" applyFont="1" applyBorder="1" applyAlignment="1">
      <alignment horizontal="center" vertical="center"/>
    </xf>
  </cellXfs>
  <cellStyles count="2">
    <cellStyle name="標準" xfId="0" builtinId="0"/>
    <cellStyle name="標準 2" xfId="1" xr:uid="{4049C555-E79D-46E5-BE8F-03F7CAF6773A}"/>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BE3131C-932D-4CA7-B593-977C19012B52}">
  <dimension ref="A2:AF123"/>
  <sheetViews>
    <sheetView tabSelected="1" zoomScaleNormal="100" zoomScaleSheetLayoutView="85" workbookViewId="0">
      <selection activeCell="F61" sqref="F61"/>
    </sheetView>
  </sheetViews>
  <sheetFormatPr defaultColWidth="4" defaultRowHeight="13.5" x14ac:dyDescent="0.4"/>
  <cols>
    <col min="1" max="1" width="1.5" style="1" customWidth="1"/>
    <col min="2" max="2" width="2.375" style="1" customWidth="1"/>
    <col min="3" max="3" width="1.125" style="1" customWidth="1"/>
    <col min="4" max="19" width="4" style="1"/>
    <col min="20" max="20" width="7.125" style="1" customWidth="1"/>
    <col min="21" max="21" width="3.875" style="1" customWidth="1"/>
    <col min="22" max="22" width="4" style="1"/>
    <col min="23" max="23" width="2.25" style="1" customWidth="1"/>
    <col min="24" max="24" width="4.625" style="1" customWidth="1"/>
    <col min="25" max="25" width="2.375" style="1" customWidth="1"/>
    <col min="26" max="26" width="1.5" style="1" customWidth="1"/>
    <col min="27" max="16384" width="4" style="1"/>
  </cols>
  <sheetData>
    <row r="2" spans="2:25" x14ac:dyDescent="0.15">
      <c r="B2" s="1" t="s">
        <v>0</v>
      </c>
      <c r="C2" s="2"/>
      <c r="D2" s="2"/>
      <c r="E2" s="2"/>
      <c r="F2" s="2"/>
      <c r="G2" s="2"/>
      <c r="H2" s="2"/>
      <c r="I2" s="2"/>
      <c r="J2" s="2"/>
      <c r="K2" s="2"/>
      <c r="L2" s="2"/>
      <c r="M2" s="2"/>
      <c r="N2" s="2"/>
      <c r="O2" s="2"/>
      <c r="P2" s="2"/>
      <c r="Q2" s="2"/>
      <c r="R2" s="2"/>
      <c r="S2" s="2"/>
      <c r="T2" s="2"/>
      <c r="U2" s="2"/>
      <c r="V2" s="2"/>
      <c r="W2" s="2"/>
      <c r="X2" s="2"/>
      <c r="Y2" s="2"/>
    </row>
    <row r="4" spans="2:25" x14ac:dyDescent="0.4">
      <c r="B4" s="3" t="s">
        <v>1</v>
      </c>
      <c r="C4" s="3"/>
      <c r="D4" s="3"/>
      <c r="E4" s="3"/>
      <c r="F4" s="3"/>
      <c r="G4" s="3"/>
      <c r="H4" s="3"/>
      <c r="I4" s="3"/>
      <c r="J4" s="3"/>
      <c r="K4" s="3"/>
      <c r="L4" s="3"/>
      <c r="M4" s="3"/>
      <c r="N4" s="3"/>
      <c r="O4" s="3"/>
      <c r="P4" s="3"/>
      <c r="Q4" s="3"/>
      <c r="R4" s="3"/>
      <c r="S4" s="3"/>
      <c r="T4" s="3"/>
      <c r="U4" s="3"/>
      <c r="V4" s="3"/>
      <c r="W4" s="3"/>
      <c r="X4" s="3"/>
      <c r="Y4" s="3"/>
    </row>
    <row r="6" spans="2:25" ht="23.25" customHeight="1" x14ac:dyDescent="0.4">
      <c r="B6" s="4" t="s">
        <v>2</v>
      </c>
      <c r="C6" s="4"/>
      <c r="D6" s="4"/>
      <c r="E6" s="4"/>
      <c r="F6" s="4"/>
      <c r="G6" s="5"/>
      <c r="H6" s="6"/>
      <c r="I6" s="6"/>
      <c r="J6" s="6"/>
      <c r="K6" s="6"/>
      <c r="L6" s="6"/>
      <c r="M6" s="6"/>
      <c r="N6" s="6"/>
      <c r="O6" s="6"/>
      <c r="P6" s="6"/>
      <c r="Q6" s="6"/>
      <c r="R6" s="6"/>
      <c r="S6" s="6"/>
      <c r="T6" s="6"/>
      <c r="U6" s="6"/>
      <c r="V6" s="6"/>
      <c r="W6" s="6"/>
      <c r="X6" s="6"/>
      <c r="Y6" s="7"/>
    </row>
    <row r="7" spans="2:25" ht="23.25" customHeight="1" x14ac:dyDescent="0.4">
      <c r="B7" s="4" t="s">
        <v>3</v>
      </c>
      <c r="C7" s="4"/>
      <c r="D7" s="4"/>
      <c r="E7" s="4"/>
      <c r="F7" s="4"/>
      <c r="G7" s="8" t="s">
        <v>4</v>
      </c>
      <c r="H7" s="9" t="s">
        <v>5</v>
      </c>
      <c r="I7" s="9"/>
      <c r="J7" s="9"/>
      <c r="K7" s="9"/>
      <c r="L7" s="10" t="s">
        <v>4</v>
      </c>
      <c r="M7" s="9" t="s">
        <v>6</v>
      </c>
      <c r="N7" s="9"/>
      <c r="O7" s="9"/>
      <c r="P7" s="9"/>
      <c r="Q7" s="10" t="s">
        <v>4</v>
      </c>
      <c r="R7" s="9" t="s">
        <v>7</v>
      </c>
      <c r="S7" s="9"/>
      <c r="T7" s="9"/>
      <c r="U7" s="9"/>
      <c r="V7" s="9"/>
      <c r="W7" s="11"/>
      <c r="X7" s="11"/>
      <c r="Y7" s="12"/>
    </row>
    <row r="8" spans="2:25" ht="20.100000000000001" customHeight="1" x14ac:dyDescent="0.4">
      <c r="B8" s="13" t="s">
        <v>8</v>
      </c>
      <c r="C8" s="14"/>
      <c r="D8" s="14"/>
      <c r="E8" s="14"/>
      <c r="F8" s="15"/>
      <c r="G8" s="10" t="s">
        <v>4</v>
      </c>
      <c r="H8" s="16" t="s">
        <v>9</v>
      </c>
      <c r="I8" s="17"/>
      <c r="J8" s="17"/>
      <c r="K8" s="17"/>
      <c r="L8" s="17"/>
      <c r="M8" s="17"/>
      <c r="N8" s="17"/>
      <c r="O8" s="17"/>
      <c r="P8" s="17"/>
      <c r="Q8" s="17"/>
      <c r="R8" s="17"/>
      <c r="S8" s="17"/>
      <c r="T8" s="17"/>
      <c r="U8" s="17"/>
      <c r="V8" s="17"/>
      <c r="W8" s="17"/>
      <c r="X8" s="17"/>
      <c r="Y8" s="18"/>
    </row>
    <row r="9" spans="2:25" ht="20.100000000000001" customHeight="1" x14ac:dyDescent="0.4">
      <c r="B9" s="19"/>
      <c r="C9" s="20"/>
      <c r="D9" s="20"/>
      <c r="E9" s="20"/>
      <c r="F9" s="21"/>
      <c r="G9" s="10" t="s">
        <v>4</v>
      </c>
      <c r="H9" s="1" t="s">
        <v>10</v>
      </c>
      <c r="I9" s="22"/>
      <c r="J9" s="22"/>
      <c r="K9" s="22"/>
      <c r="L9" s="22"/>
      <c r="M9" s="22"/>
      <c r="N9" s="22"/>
      <c r="O9" s="22"/>
      <c r="P9" s="22"/>
      <c r="Q9" s="22"/>
      <c r="R9" s="22"/>
      <c r="S9" s="22"/>
      <c r="T9" s="22"/>
      <c r="U9" s="22"/>
      <c r="V9" s="22"/>
      <c r="W9" s="22"/>
      <c r="X9" s="22"/>
      <c r="Y9" s="23"/>
    </row>
    <row r="10" spans="2:25" ht="20.100000000000001" customHeight="1" x14ac:dyDescent="0.4">
      <c r="B10" s="19"/>
      <c r="C10" s="20"/>
      <c r="D10" s="20"/>
      <c r="E10" s="20"/>
      <c r="F10" s="21"/>
      <c r="G10" s="10" t="s">
        <v>4</v>
      </c>
      <c r="H10" s="1" t="s">
        <v>11</v>
      </c>
      <c r="I10" s="22"/>
      <c r="J10" s="22"/>
      <c r="K10" s="22"/>
      <c r="L10" s="22"/>
      <c r="M10" s="22"/>
      <c r="N10" s="22"/>
      <c r="O10" s="22"/>
      <c r="P10" s="22"/>
      <c r="Q10" s="22"/>
      <c r="R10" s="22"/>
      <c r="S10" s="22"/>
      <c r="T10" s="22"/>
      <c r="U10" s="22"/>
      <c r="V10" s="22"/>
      <c r="W10" s="22"/>
      <c r="X10" s="22"/>
      <c r="Y10" s="23"/>
    </row>
    <row r="11" spans="2:25" ht="20.100000000000001" customHeight="1" x14ac:dyDescent="0.4">
      <c r="B11" s="24"/>
      <c r="C11" s="25"/>
      <c r="D11" s="25"/>
      <c r="E11" s="25"/>
      <c r="F11" s="26"/>
      <c r="G11" s="27" t="s">
        <v>4</v>
      </c>
      <c r="H11" s="28" t="s">
        <v>12</v>
      </c>
      <c r="I11" s="29"/>
      <c r="J11" s="29"/>
      <c r="K11" s="29"/>
      <c r="L11" s="29"/>
      <c r="M11" s="29"/>
      <c r="N11" s="29"/>
      <c r="O11" s="29"/>
      <c r="P11" s="29"/>
      <c r="Q11" s="29"/>
      <c r="R11" s="29"/>
      <c r="S11" s="29"/>
      <c r="T11" s="29"/>
      <c r="U11" s="29"/>
      <c r="V11" s="29"/>
      <c r="W11" s="29"/>
      <c r="X11" s="29"/>
      <c r="Y11" s="30"/>
    </row>
    <row r="12" spans="2:25" ht="20.100000000000001" customHeight="1" x14ac:dyDescent="0.4">
      <c r="B12" s="13" t="s">
        <v>13</v>
      </c>
      <c r="C12" s="14"/>
      <c r="D12" s="14"/>
      <c r="E12" s="14"/>
      <c r="F12" s="15"/>
      <c r="G12" s="10" t="s">
        <v>4</v>
      </c>
      <c r="H12" s="16" t="s">
        <v>14</v>
      </c>
      <c r="I12" s="17"/>
      <c r="J12" s="17"/>
      <c r="K12" s="17"/>
      <c r="L12" s="17"/>
      <c r="M12" s="17"/>
      <c r="N12" s="17"/>
      <c r="O12" s="17"/>
      <c r="P12" s="17"/>
      <c r="Q12" s="17"/>
      <c r="R12" s="17"/>
      <c r="S12" s="17"/>
      <c r="T12" s="17"/>
      <c r="U12" s="17"/>
      <c r="V12" s="17"/>
      <c r="W12" s="17"/>
      <c r="X12" s="17"/>
      <c r="Y12" s="18"/>
    </row>
    <row r="13" spans="2:25" ht="20.100000000000001" customHeight="1" x14ac:dyDescent="0.4">
      <c r="B13" s="19"/>
      <c r="C13" s="20"/>
      <c r="D13" s="20"/>
      <c r="E13" s="20"/>
      <c r="F13" s="21"/>
      <c r="G13" s="10" t="s">
        <v>4</v>
      </c>
      <c r="H13" s="1" t="s">
        <v>15</v>
      </c>
      <c r="I13" s="22"/>
      <c r="J13" s="22"/>
      <c r="K13" s="22"/>
      <c r="L13" s="22"/>
      <c r="M13" s="22"/>
      <c r="N13" s="22"/>
      <c r="O13" s="22"/>
      <c r="P13" s="22"/>
      <c r="Q13" s="22"/>
      <c r="R13" s="22"/>
      <c r="S13" s="22"/>
      <c r="T13" s="22"/>
      <c r="U13" s="22"/>
      <c r="V13" s="22"/>
      <c r="W13" s="22"/>
      <c r="X13" s="22"/>
      <c r="Y13" s="23"/>
    </row>
    <row r="14" spans="2:25" ht="20.100000000000001" customHeight="1" x14ac:dyDescent="0.4">
      <c r="B14" s="19"/>
      <c r="C14" s="20"/>
      <c r="D14" s="20"/>
      <c r="E14" s="20"/>
      <c r="F14" s="21"/>
      <c r="G14" s="10" t="s">
        <v>4</v>
      </c>
      <c r="H14" s="1" t="s">
        <v>16</v>
      </c>
      <c r="I14" s="22"/>
      <c r="J14" s="22"/>
      <c r="K14" s="22"/>
      <c r="L14" s="22"/>
      <c r="M14" s="22"/>
      <c r="N14" s="22"/>
      <c r="O14" s="22"/>
      <c r="P14" s="22"/>
      <c r="Q14" s="22"/>
      <c r="R14" s="22"/>
      <c r="S14" s="22"/>
      <c r="T14" s="22"/>
      <c r="U14" s="22"/>
      <c r="V14" s="22"/>
      <c r="W14" s="22"/>
      <c r="X14" s="22"/>
      <c r="Y14" s="23"/>
    </row>
    <row r="15" spans="2:25" ht="20.100000000000001" customHeight="1" x14ac:dyDescent="0.4">
      <c r="B15" s="24"/>
      <c r="C15" s="25"/>
      <c r="D15" s="25"/>
      <c r="E15" s="25"/>
      <c r="F15" s="26"/>
      <c r="G15" s="27" t="s">
        <v>4</v>
      </c>
      <c r="H15" s="28" t="s">
        <v>17</v>
      </c>
      <c r="I15" s="29"/>
      <c r="J15" s="29"/>
      <c r="K15" s="29"/>
      <c r="L15" s="29"/>
      <c r="M15" s="29"/>
      <c r="N15" s="29"/>
      <c r="O15" s="29"/>
      <c r="P15" s="29"/>
      <c r="Q15" s="29"/>
      <c r="R15" s="29"/>
      <c r="S15" s="29"/>
      <c r="T15" s="29"/>
      <c r="U15" s="29"/>
      <c r="V15" s="29"/>
      <c r="W15" s="29"/>
      <c r="X15" s="29"/>
      <c r="Y15" s="30"/>
    </row>
    <row r="17" spans="2:25" x14ac:dyDescent="0.4">
      <c r="B17" s="31"/>
      <c r="C17" s="16"/>
      <c r="D17" s="16"/>
      <c r="E17" s="16"/>
      <c r="F17" s="16"/>
      <c r="G17" s="16"/>
      <c r="H17" s="16"/>
      <c r="I17" s="16"/>
      <c r="J17" s="16"/>
      <c r="K17" s="16"/>
      <c r="L17" s="16"/>
      <c r="M17" s="16"/>
      <c r="N17" s="16"/>
      <c r="O17" s="16"/>
      <c r="P17" s="16"/>
      <c r="Q17" s="16"/>
      <c r="R17" s="16"/>
      <c r="S17" s="16"/>
      <c r="T17" s="16"/>
      <c r="U17" s="16"/>
      <c r="V17" s="16"/>
      <c r="W17" s="16"/>
      <c r="X17" s="16"/>
      <c r="Y17" s="32"/>
    </row>
    <row r="18" spans="2:25" x14ac:dyDescent="0.4">
      <c r="B18" s="33" t="s">
        <v>18</v>
      </c>
      <c r="Y18" s="34"/>
    </row>
    <row r="19" spans="2:25" x14ac:dyDescent="0.4">
      <c r="B19" s="33"/>
      <c r="Y19" s="34"/>
    </row>
    <row r="20" spans="2:25" x14ac:dyDescent="0.4">
      <c r="B20" s="33"/>
      <c r="C20" s="1" t="s">
        <v>19</v>
      </c>
      <c r="K20" s="20"/>
      <c r="L20" s="20"/>
      <c r="M20" s="1" t="s">
        <v>20</v>
      </c>
      <c r="Y20" s="34"/>
    </row>
    <row r="21" spans="2:25" ht="6.75" customHeight="1" x14ac:dyDescent="0.4">
      <c r="B21" s="33"/>
      <c r="Y21" s="34"/>
    </row>
    <row r="22" spans="2:25" ht="21" customHeight="1" x14ac:dyDescent="0.4">
      <c r="B22" s="33"/>
      <c r="D22" s="35" t="s">
        <v>21</v>
      </c>
      <c r="E22" s="36"/>
      <c r="F22" s="36"/>
      <c r="G22" s="36"/>
      <c r="H22" s="37"/>
      <c r="I22" s="5"/>
      <c r="J22" s="6"/>
      <c r="K22" s="6"/>
      <c r="L22" s="6"/>
      <c r="M22" s="38" t="s">
        <v>22</v>
      </c>
      <c r="N22" s="39" t="s">
        <v>23</v>
      </c>
      <c r="O22" s="11"/>
      <c r="P22" s="36"/>
      <c r="Q22" s="36"/>
      <c r="R22" s="38" t="s">
        <v>22</v>
      </c>
      <c r="S22" s="39" t="s">
        <v>24</v>
      </c>
      <c r="T22" s="11"/>
      <c r="U22" s="11"/>
      <c r="V22" s="36"/>
      <c r="W22" s="36"/>
      <c r="X22" s="38" t="s">
        <v>22</v>
      </c>
      <c r="Y22" s="34"/>
    </row>
    <row r="23" spans="2:25" ht="21" customHeight="1" x14ac:dyDescent="0.4">
      <c r="B23" s="33"/>
      <c r="D23" s="35" t="s">
        <v>25</v>
      </c>
      <c r="E23" s="36"/>
      <c r="F23" s="36"/>
      <c r="G23" s="36"/>
      <c r="H23" s="37"/>
      <c r="I23" s="35"/>
      <c r="J23" s="36"/>
      <c r="K23" s="36"/>
      <c r="L23" s="36"/>
      <c r="M23" s="38" t="s">
        <v>22</v>
      </c>
      <c r="N23" s="39" t="s">
        <v>23</v>
      </c>
      <c r="O23" s="11"/>
      <c r="P23" s="36"/>
      <c r="Q23" s="36"/>
      <c r="R23" s="38" t="s">
        <v>22</v>
      </c>
      <c r="S23" s="39" t="s">
        <v>24</v>
      </c>
      <c r="T23" s="11"/>
      <c r="U23" s="11"/>
      <c r="V23" s="36"/>
      <c r="W23" s="36"/>
      <c r="X23" s="38" t="s">
        <v>22</v>
      </c>
      <c r="Y23" s="34"/>
    </row>
    <row r="24" spans="2:25" ht="15.75" customHeight="1" x14ac:dyDescent="0.4">
      <c r="B24" s="33"/>
      <c r="D24" s="40" t="s">
        <v>26</v>
      </c>
      <c r="E24" s="41"/>
      <c r="F24" s="41"/>
      <c r="G24" s="41"/>
      <c r="H24" s="41"/>
      <c r="I24" s="41"/>
      <c r="J24" s="41"/>
      <c r="K24" s="41"/>
      <c r="L24" s="41"/>
      <c r="M24" s="41"/>
      <c r="N24" s="41"/>
      <c r="O24" s="41"/>
      <c r="P24" s="41"/>
      <c r="Q24" s="41"/>
      <c r="R24" s="41"/>
      <c r="S24" s="41"/>
      <c r="T24" s="41"/>
      <c r="U24" s="42"/>
      <c r="V24" s="43" t="s">
        <v>27</v>
      </c>
      <c r="W24" s="44" t="s">
        <v>28</v>
      </c>
      <c r="X24" s="45" t="s">
        <v>29</v>
      </c>
      <c r="Y24" s="34"/>
    </row>
    <row r="25" spans="2:25" ht="30.75" customHeight="1" x14ac:dyDescent="0.4">
      <c r="B25" s="33"/>
      <c r="D25" s="46"/>
      <c r="E25" s="47"/>
      <c r="F25" s="47"/>
      <c r="G25" s="47"/>
      <c r="H25" s="47"/>
      <c r="I25" s="47"/>
      <c r="J25" s="47"/>
      <c r="K25" s="47"/>
      <c r="L25" s="47"/>
      <c r="M25" s="47"/>
      <c r="N25" s="47"/>
      <c r="O25" s="47"/>
      <c r="P25" s="47"/>
      <c r="Q25" s="47"/>
      <c r="R25" s="47"/>
      <c r="S25" s="47"/>
      <c r="T25" s="47"/>
      <c r="U25" s="48"/>
      <c r="V25" s="8" t="s">
        <v>4</v>
      </c>
      <c r="W25" s="49" t="s">
        <v>30</v>
      </c>
      <c r="X25" s="38" t="s">
        <v>4</v>
      </c>
      <c r="Y25" s="34"/>
    </row>
    <row r="26" spans="2:25" ht="17.25" customHeight="1" x14ac:dyDescent="0.4">
      <c r="B26" s="33"/>
      <c r="D26" s="50" t="s">
        <v>31</v>
      </c>
      <c r="E26" s="51"/>
      <c r="F26" s="51"/>
      <c r="G26" s="51"/>
      <c r="H26" s="51"/>
      <c r="I26" s="51"/>
      <c r="J26" s="51"/>
      <c r="K26" s="51"/>
      <c r="L26" s="51"/>
      <c r="M26" s="51"/>
      <c r="N26" s="51"/>
      <c r="O26" s="51"/>
      <c r="P26" s="51"/>
      <c r="Q26" s="51"/>
      <c r="R26" s="51"/>
      <c r="S26" s="51"/>
      <c r="T26" s="51"/>
      <c r="U26" s="51"/>
      <c r="V26" s="51"/>
      <c r="W26" s="51"/>
      <c r="X26" s="52"/>
      <c r="Y26" s="34"/>
    </row>
    <row r="27" spans="2:25" ht="21" customHeight="1" x14ac:dyDescent="0.4">
      <c r="B27" s="33"/>
      <c r="D27" s="35" t="s">
        <v>32</v>
      </c>
      <c r="E27" s="36"/>
      <c r="F27" s="36"/>
      <c r="G27" s="36"/>
      <c r="H27" s="37"/>
      <c r="I27" s="35"/>
      <c r="J27" s="36"/>
      <c r="K27" s="36"/>
      <c r="L27" s="36"/>
      <c r="M27" s="38" t="s">
        <v>22</v>
      </c>
      <c r="N27" s="39" t="s">
        <v>23</v>
      </c>
      <c r="O27" s="11"/>
      <c r="P27" s="36"/>
      <c r="Q27" s="36"/>
      <c r="R27" s="38" t="s">
        <v>22</v>
      </c>
      <c r="S27" s="39" t="s">
        <v>24</v>
      </c>
      <c r="T27" s="11"/>
      <c r="U27" s="11"/>
      <c r="V27" s="36"/>
      <c r="W27" s="36"/>
      <c r="X27" s="38" t="s">
        <v>22</v>
      </c>
      <c r="Y27" s="34"/>
    </row>
    <row r="28" spans="2:25" ht="21" customHeight="1" x14ac:dyDescent="0.4">
      <c r="B28" s="33"/>
      <c r="D28" s="35" t="s">
        <v>33</v>
      </c>
      <c r="E28" s="36"/>
      <c r="F28" s="36"/>
      <c r="G28" s="36"/>
      <c r="H28" s="37"/>
      <c r="I28" s="35"/>
      <c r="J28" s="36"/>
      <c r="K28" s="36"/>
      <c r="L28" s="36"/>
      <c r="M28" s="38" t="s">
        <v>22</v>
      </c>
      <c r="N28" s="39" t="s">
        <v>23</v>
      </c>
      <c r="O28" s="11"/>
      <c r="P28" s="36"/>
      <c r="Q28" s="36"/>
      <c r="R28" s="38" t="s">
        <v>22</v>
      </c>
      <c r="S28" s="39" t="s">
        <v>24</v>
      </c>
      <c r="T28" s="11"/>
      <c r="U28" s="11"/>
      <c r="V28" s="36"/>
      <c r="W28" s="36"/>
      <c r="X28" s="38" t="s">
        <v>22</v>
      </c>
      <c r="Y28" s="34"/>
    </row>
    <row r="29" spans="2:25" ht="21" customHeight="1" x14ac:dyDescent="0.4">
      <c r="B29" s="33"/>
      <c r="D29" s="35" t="s">
        <v>34</v>
      </c>
      <c r="E29" s="36"/>
      <c r="F29" s="36"/>
      <c r="G29" s="36"/>
      <c r="H29" s="37"/>
      <c r="I29" s="35"/>
      <c r="J29" s="36"/>
      <c r="K29" s="36"/>
      <c r="L29" s="36"/>
      <c r="M29" s="38" t="s">
        <v>22</v>
      </c>
      <c r="N29" s="39" t="s">
        <v>23</v>
      </c>
      <c r="O29" s="11"/>
      <c r="P29" s="36"/>
      <c r="Q29" s="36"/>
      <c r="R29" s="38" t="s">
        <v>22</v>
      </c>
      <c r="S29" s="39" t="s">
        <v>24</v>
      </c>
      <c r="T29" s="11"/>
      <c r="U29" s="11"/>
      <c r="V29" s="36"/>
      <c r="W29" s="36"/>
      <c r="X29" s="38" t="s">
        <v>22</v>
      </c>
      <c r="Y29" s="34"/>
    </row>
    <row r="30" spans="2:25" ht="21" customHeight="1" x14ac:dyDescent="0.4">
      <c r="B30" s="33"/>
      <c r="D30" s="35" t="s">
        <v>35</v>
      </c>
      <c r="E30" s="36"/>
      <c r="F30" s="36"/>
      <c r="G30" s="36"/>
      <c r="H30" s="37"/>
      <c r="I30" s="35"/>
      <c r="J30" s="36"/>
      <c r="K30" s="36"/>
      <c r="L30" s="36"/>
      <c r="M30" s="38" t="s">
        <v>22</v>
      </c>
      <c r="N30" s="39" t="s">
        <v>23</v>
      </c>
      <c r="O30" s="11"/>
      <c r="P30" s="36"/>
      <c r="Q30" s="36"/>
      <c r="R30" s="38" t="s">
        <v>22</v>
      </c>
      <c r="S30" s="39" t="s">
        <v>24</v>
      </c>
      <c r="T30" s="11"/>
      <c r="U30" s="11"/>
      <c r="V30" s="36"/>
      <c r="W30" s="36"/>
      <c r="X30" s="38" t="s">
        <v>22</v>
      </c>
      <c r="Y30" s="34"/>
    </row>
    <row r="31" spans="2:25" ht="21" customHeight="1" x14ac:dyDescent="0.4">
      <c r="B31" s="33"/>
      <c r="D31" s="35" t="s">
        <v>36</v>
      </c>
      <c r="E31" s="36"/>
      <c r="F31" s="36"/>
      <c r="G31" s="36"/>
      <c r="H31" s="37"/>
      <c r="I31" s="35"/>
      <c r="J31" s="36"/>
      <c r="K31" s="36"/>
      <c r="L31" s="36"/>
      <c r="M31" s="38" t="s">
        <v>22</v>
      </c>
      <c r="N31" s="39" t="s">
        <v>23</v>
      </c>
      <c r="O31" s="11"/>
      <c r="P31" s="36"/>
      <c r="Q31" s="36"/>
      <c r="R31" s="38" t="s">
        <v>22</v>
      </c>
      <c r="S31" s="39" t="s">
        <v>24</v>
      </c>
      <c r="T31" s="11"/>
      <c r="U31" s="11"/>
      <c r="V31" s="36"/>
      <c r="W31" s="36"/>
      <c r="X31" s="38" t="s">
        <v>22</v>
      </c>
      <c r="Y31" s="34"/>
    </row>
    <row r="32" spans="2:25" ht="13.5" customHeight="1" x14ac:dyDescent="0.4">
      <c r="B32" s="33"/>
      <c r="D32" s="10"/>
      <c r="E32" s="10"/>
      <c r="F32" s="10"/>
      <c r="G32" s="10"/>
      <c r="H32" s="10"/>
      <c r="I32" s="10"/>
      <c r="J32" s="10"/>
      <c r="K32" s="10"/>
      <c r="L32" s="10"/>
      <c r="M32" s="10"/>
      <c r="P32" s="10"/>
      <c r="Q32" s="10"/>
      <c r="R32" s="10"/>
      <c r="V32" s="10"/>
      <c r="W32" s="10"/>
      <c r="X32" s="10"/>
      <c r="Y32" s="34"/>
    </row>
    <row r="33" spans="2:32" x14ac:dyDescent="0.15">
      <c r="B33" s="33"/>
      <c r="C33" s="1" t="s">
        <v>37</v>
      </c>
      <c r="Y33" s="34"/>
      <c r="Z33" s="2"/>
      <c r="AA33" s="2"/>
      <c r="AB33" s="2"/>
    </row>
    <row r="34" spans="2:32" ht="7.5" customHeight="1" x14ac:dyDescent="0.15">
      <c r="B34" s="33"/>
      <c r="Y34" s="34"/>
      <c r="Z34" s="2"/>
      <c r="AA34" s="2"/>
      <c r="AB34" s="2"/>
    </row>
    <row r="35" spans="2:32" ht="35.25" customHeight="1" x14ac:dyDescent="0.15">
      <c r="B35" s="33"/>
      <c r="D35" s="53"/>
      <c r="E35" s="54"/>
      <c r="F35" s="54"/>
      <c r="G35" s="54"/>
      <c r="H35" s="54"/>
      <c r="I35" s="54"/>
      <c r="J35" s="54"/>
      <c r="K35" s="54"/>
      <c r="L35" s="54"/>
      <c r="M35" s="54"/>
      <c r="N35" s="54"/>
      <c r="O35" s="54"/>
      <c r="P35" s="54"/>
      <c r="Q35" s="54"/>
      <c r="R35" s="54"/>
      <c r="S35" s="54"/>
      <c r="T35" s="54"/>
      <c r="U35" s="54"/>
      <c r="V35" s="54"/>
      <c r="W35" s="54"/>
      <c r="X35" s="55"/>
      <c r="Y35" s="34"/>
      <c r="Z35" s="2"/>
      <c r="AA35" s="2"/>
      <c r="AB35" s="2"/>
    </row>
    <row r="36" spans="2:32" ht="12" customHeight="1" x14ac:dyDescent="0.15">
      <c r="B36" s="33"/>
      <c r="Y36" s="34"/>
      <c r="Z36" s="2"/>
      <c r="AA36" s="2"/>
      <c r="AB36" s="2"/>
    </row>
    <row r="37" spans="2:32" x14ac:dyDescent="0.15">
      <c r="B37" s="33"/>
      <c r="C37" s="1" t="s">
        <v>38</v>
      </c>
      <c r="Y37" s="34"/>
      <c r="Z37" s="2"/>
      <c r="AA37" s="2"/>
      <c r="AB37" s="2"/>
    </row>
    <row r="38" spans="2:32" ht="6.75" customHeight="1" x14ac:dyDescent="0.15">
      <c r="B38" s="33"/>
      <c r="D38" s="28"/>
      <c r="E38" s="28"/>
      <c r="F38" s="28"/>
      <c r="G38" s="28"/>
      <c r="H38" s="28"/>
      <c r="I38" s="28"/>
      <c r="J38" s="28"/>
      <c r="K38" s="28"/>
      <c r="L38" s="28"/>
      <c r="M38" s="28"/>
      <c r="N38" s="28"/>
      <c r="O38" s="28"/>
      <c r="P38" s="28"/>
      <c r="Q38" s="28"/>
      <c r="R38" s="28"/>
      <c r="S38" s="28"/>
      <c r="T38" s="28"/>
      <c r="U38" s="28"/>
      <c r="V38" s="28"/>
      <c r="W38" s="28"/>
      <c r="X38" s="28"/>
      <c r="Y38" s="34"/>
      <c r="Z38" s="2"/>
      <c r="AA38" s="56"/>
      <c r="AB38" s="56"/>
      <c r="AC38" s="28"/>
      <c r="AD38" s="28"/>
      <c r="AE38" s="28"/>
      <c r="AF38" s="28"/>
    </row>
    <row r="39" spans="2:32" ht="23.25" customHeight="1" x14ac:dyDescent="0.15">
      <c r="B39" s="33"/>
      <c r="D39" s="57">
        <v>1</v>
      </c>
      <c r="E39" s="24"/>
      <c r="F39" s="25"/>
      <c r="G39" s="58" t="s">
        <v>39</v>
      </c>
      <c r="H39" s="25"/>
      <c r="I39" s="25"/>
      <c r="J39" s="58" t="s">
        <v>40</v>
      </c>
      <c r="K39" s="25"/>
      <c r="L39" s="25"/>
      <c r="M39" s="26"/>
      <c r="N39" s="57">
        <v>4</v>
      </c>
      <c r="O39" s="24"/>
      <c r="P39" s="25"/>
      <c r="Q39" s="58" t="s">
        <v>39</v>
      </c>
      <c r="R39" s="25"/>
      <c r="S39" s="25"/>
      <c r="T39" s="58" t="s">
        <v>40</v>
      </c>
      <c r="U39" s="58"/>
      <c r="V39" s="25"/>
      <c r="W39" s="25"/>
      <c r="X39" s="25"/>
      <c r="Y39" s="59"/>
      <c r="Z39" s="60"/>
      <c r="AA39" s="2"/>
      <c r="AB39" s="2"/>
    </row>
    <row r="40" spans="2:32" ht="23.25" customHeight="1" x14ac:dyDescent="0.15">
      <c r="B40" s="33"/>
      <c r="D40" s="61">
        <v>2</v>
      </c>
      <c r="E40" s="35"/>
      <c r="F40" s="36"/>
      <c r="G40" s="9" t="s">
        <v>39</v>
      </c>
      <c r="H40" s="36"/>
      <c r="I40" s="36"/>
      <c r="J40" s="9" t="s">
        <v>40</v>
      </c>
      <c r="K40" s="36"/>
      <c r="L40" s="36"/>
      <c r="M40" s="37"/>
      <c r="N40" s="61">
        <v>5</v>
      </c>
      <c r="O40" s="35"/>
      <c r="P40" s="36"/>
      <c r="Q40" s="9" t="s">
        <v>39</v>
      </c>
      <c r="R40" s="36"/>
      <c r="S40" s="36"/>
      <c r="T40" s="9" t="s">
        <v>40</v>
      </c>
      <c r="U40" s="9"/>
      <c r="V40" s="36"/>
      <c r="W40" s="36"/>
      <c r="X40" s="37"/>
      <c r="Y40" s="34"/>
      <c r="Z40" s="2"/>
      <c r="AA40" s="2"/>
      <c r="AB40" s="2"/>
    </row>
    <row r="41" spans="2:32" ht="23.25" customHeight="1" x14ac:dyDescent="0.15">
      <c r="B41" s="33"/>
      <c r="D41" s="61">
        <v>3</v>
      </c>
      <c r="E41" s="35"/>
      <c r="F41" s="36"/>
      <c r="G41" s="9" t="s">
        <v>39</v>
      </c>
      <c r="H41" s="36"/>
      <c r="I41" s="36"/>
      <c r="J41" s="9" t="s">
        <v>40</v>
      </c>
      <c r="K41" s="36"/>
      <c r="L41" s="36"/>
      <c r="M41" s="37"/>
      <c r="N41" s="61">
        <v>6</v>
      </c>
      <c r="O41" s="35"/>
      <c r="P41" s="36"/>
      <c r="Q41" s="9" t="s">
        <v>39</v>
      </c>
      <c r="R41" s="36"/>
      <c r="S41" s="36"/>
      <c r="T41" s="9" t="s">
        <v>40</v>
      </c>
      <c r="U41" s="9"/>
      <c r="V41" s="36"/>
      <c r="W41" s="36"/>
      <c r="X41" s="37"/>
      <c r="Y41" s="34"/>
      <c r="Z41" s="2"/>
      <c r="AA41" s="2"/>
      <c r="AB41" s="2"/>
    </row>
    <row r="42" spans="2:32" x14ac:dyDescent="0.15">
      <c r="B42" s="62"/>
      <c r="C42" s="28"/>
      <c r="D42" s="28"/>
      <c r="E42" s="28"/>
      <c r="F42" s="28"/>
      <c r="G42" s="28"/>
      <c r="H42" s="28"/>
      <c r="I42" s="28"/>
      <c r="J42" s="28"/>
      <c r="K42" s="28"/>
      <c r="L42" s="28"/>
      <c r="M42" s="28"/>
      <c r="N42" s="28"/>
      <c r="O42" s="28"/>
      <c r="P42" s="28"/>
      <c r="Q42" s="28"/>
      <c r="R42" s="28"/>
      <c r="S42" s="28"/>
      <c r="T42" s="28"/>
      <c r="U42" s="28"/>
      <c r="V42" s="28"/>
      <c r="W42" s="28"/>
      <c r="X42" s="28"/>
      <c r="Y42" s="63"/>
      <c r="Z42" s="2"/>
      <c r="AA42" s="2"/>
      <c r="AB42" s="2"/>
    </row>
    <row r="44" spans="2:32" x14ac:dyDescent="0.15">
      <c r="B44" s="31"/>
      <c r="C44" s="16"/>
      <c r="D44" s="16"/>
      <c r="E44" s="16"/>
      <c r="F44" s="16"/>
      <c r="G44" s="16"/>
      <c r="H44" s="16"/>
      <c r="I44" s="16"/>
      <c r="J44" s="16"/>
      <c r="K44" s="16"/>
      <c r="L44" s="16"/>
      <c r="M44" s="16"/>
      <c r="N44" s="16"/>
      <c r="O44" s="16"/>
      <c r="P44" s="16"/>
      <c r="Q44" s="16"/>
      <c r="R44" s="16"/>
      <c r="S44" s="16"/>
      <c r="T44" s="32"/>
      <c r="U44" s="16"/>
      <c r="V44" s="16"/>
      <c r="W44" s="16"/>
      <c r="X44" s="16"/>
      <c r="Y44" s="32"/>
      <c r="Z44" s="2"/>
      <c r="AA44" s="2"/>
      <c r="AB44" s="2"/>
    </row>
    <row r="45" spans="2:32" x14ac:dyDescent="0.15">
      <c r="B45" s="33" t="s">
        <v>41</v>
      </c>
      <c r="T45" s="34"/>
      <c r="V45" s="64" t="s">
        <v>27</v>
      </c>
      <c r="W45" s="64" t="s">
        <v>28</v>
      </c>
      <c r="X45" s="64" t="s">
        <v>29</v>
      </c>
      <c r="Y45" s="34"/>
      <c r="Z45" s="2"/>
      <c r="AA45" s="2"/>
      <c r="AB45" s="2"/>
    </row>
    <row r="46" spans="2:32" x14ac:dyDescent="0.15">
      <c r="B46" s="33"/>
      <c r="D46" s="1" t="s">
        <v>42</v>
      </c>
      <c r="T46" s="34"/>
      <c r="V46" s="64"/>
      <c r="W46" s="64"/>
      <c r="X46" s="64"/>
      <c r="Y46" s="34"/>
      <c r="Z46" s="2"/>
      <c r="AA46" s="2"/>
      <c r="AB46" s="2"/>
    </row>
    <row r="47" spans="2:32" ht="14.25" customHeight="1" x14ac:dyDescent="0.15">
      <c r="B47" s="33"/>
      <c r="T47" s="34"/>
      <c r="Y47" s="34"/>
      <c r="Z47" s="2"/>
      <c r="AA47" s="2"/>
      <c r="AB47" s="2"/>
    </row>
    <row r="48" spans="2:32" ht="17.25" customHeight="1" x14ac:dyDescent="0.4">
      <c r="B48" s="33"/>
      <c r="C48" s="1" t="s">
        <v>43</v>
      </c>
      <c r="T48" s="34"/>
      <c r="V48" s="10" t="s">
        <v>4</v>
      </c>
      <c r="W48" s="10" t="s">
        <v>28</v>
      </c>
      <c r="X48" s="10" t="s">
        <v>4</v>
      </c>
      <c r="Y48" s="65"/>
      <c r="AB48" s="1" t="s">
        <v>44</v>
      </c>
    </row>
    <row r="49" spans="2:25" x14ac:dyDescent="0.4">
      <c r="B49" s="33"/>
      <c r="D49" s="1" t="s">
        <v>45</v>
      </c>
      <c r="T49" s="34"/>
      <c r="V49" s="10"/>
      <c r="W49" s="10"/>
      <c r="X49" s="10"/>
      <c r="Y49" s="66"/>
    </row>
    <row r="50" spans="2:25" x14ac:dyDescent="0.4">
      <c r="B50" s="33"/>
      <c r="T50" s="34"/>
      <c r="V50" s="10"/>
      <c r="W50" s="10"/>
      <c r="X50" s="10"/>
      <c r="Y50" s="66"/>
    </row>
    <row r="51" spans="2:25" ht="17.25" customHeight="1" x14ac:dyDescent="0.4">
      <c r="B51" s="33"/>
      <c r="C51" s="1" t="s">
        <v>46</v>
      </c>
      <c r="T51" s="34"/>
      <c r="V51" s="10" t="s">
        <v>4</v>
      </c>
      <c r="W51" s="10" t="s">
        <v>28</v>
      </c>
      <c r="X51" s="10" t="s">
        <v>4</v>
      </c>
      <c r="Y51" s="65"/>
    </row>
    <row r="52" spans="2:25" ht="17.25" customHeight="1" x14ac:dyDescent="0.4">
      <c r="B52" s="33"/>
      <c r="D52" s="1" t="s">
        <v>47</v>
      </c>
      <c r="T52" s="34"/>
      <c r="V52" s="10"/>
      <c r="W52" s="10"/>
      <c r="X52" s="10"/>
      <c r="Y52" s="65"/>
    </row>
    <row r="53" spans="2:25" x14ac:dyDescent="0.4">
      <c r="B53" s="33"/>
      <c r="T53" s="34"/>
      <c r="V53" s="10"/>
      <c r="W53" s="10"/>
      <c r="X53" s="10"/>
      <c r="Y53" s="66"/>
    </row>
    <row r="54" spans="2:25" ht="17.25" customHeight="1" x14ac:dyDescent="0.4">
      <c r="B54" s="33"/>
      <c r="C54" s="1" t="s">
        <v>48</v>
      </c>
      <c r="T54" s="34"/>
      <c r="V54" s="10" t="s">
        <v>4</v>
      </c>
      <c r="W54" s="10" t="s">
        <v>28</v>
      </c>
      <c r="X54" s="10" t="s">
        <v>4</v>
      </c>
      <c r="Y54" s="65"/>
    </row>
    <row r="55" spans="2:25" ht="17.25" customHeight="1" x14ac:dyDescent="0.4">
      <c r="B55" s="33"/>
      <c r="D55" s="1" t="s">
        <v>49</v>
      </c>
      <c r="T55" s="34"/>
      <c r="V55" s="10"/>
      <c r="W55" s="10"/>
      <c r="X55" s="10"/>
      <c r="Y55" s="65"/>
    </row>
    <row r="56" spans="2:25" ht="13.5" customHeight="1" x14ac:dyDescent="0.4">
      <c r="B56" s="33"/>
      <c r="T56" s="34"/>
      <c r="V56" s="67"/>
      <c r="W56" s="67"/>
      <c r="X56" s="67"/>
      <c r="Y56" s="65"/>
    </row>
    <row r="57" spans="2:25" ht="17.25" customHeight="1" x14ac:dyDescent="0.4">
      <c r="B57" s="33"/>
      <c r="C57" s="1" t="s">
        <v>50</v>
      </c>
      <c r="T57" s="34"/>
      <c r="V57" s="10" t="s">
        <v>4</v>
      </c>
      <c r="W57" s="10" t="s">
        <v>28</v>
      </c>
      <c r="X57" s="10" t="s">
        <v>4</v>
      </c>
      <c r="Y57" s="65"/>
    </row>
    <row r="58" spans="2:25" ht="17.25" customHeight="1" x14ac:dyDescent="0.4">
      <c r="B58" s="33"/>
      <c r="D58" s="1" t="s">
        <v>51</v>
      </c>
      <c r="T58" s="34"/>
      <c r="V58" s="10"/>
      <c r="W58" s="10"/>
      <c r="X58" s="10"/>
      <c r="Y58" s="65"/>
    </row>
    <row r="59" spans="2:25" ht="17.25" customHeight="1" x14ac:dyDescent="0.4">
      <c r="B59" s="33"/>
      <c r="D59" s="1" t="s">
        <v>52</v>
      </c>
      <c r="T59" s="34"/>
      <c r="V59" s="10"/>
      <c r="W59" s="10"/>
      <c r="X59" s="10"/>
      <c r="Y59" s="65"/>
    </row>
    <row r="60" spans="2:25" x14ac:dyDescent="0.4">
      <c r="B60" s="33"/>
      <c r="T60" s="34"/>
      <c r="V60" s="10"/>
      <c r="W60" s="10"/>
      <c r="X60" s="10"/>
      <c r="Y60" s="66"/>
    </row>
    <row r="61" spans="2:25" ht="17.25" customHeight="1" x14ac:dyDescent="0.4">
      <c r="B61" s="33"/>
      <c r="C61" s="1" t="s">
        <v>53</v>
      </c>
      <c r="T61" s="34"/>
      <c r="V61" s="10" t="s">
        <v>4</v>
      </c>
      <c r="W61" s="10" t="s">
        <v>28</v>
      </c>
      <c r="X61" s="10" t="s">
        <v>4</v>
      </c>
      <c r="Y61" s="65"/>
    </row>
    <row r="62" spans="2:25" ht="7.5" customHeight="1" x14ac:dyDescent="0.4">
      <c r="B62" s="62"/>
      <c r="C62" s="28"/>
      <c r="D62" s="28"/>
      <c r="E62" s="28"/>
      <c r="F62" s="28"/>
      <c r="G62" s="28"/>
      <c r="H62" s="28"/>
      <c r="I62" s="28"/>
      <c r="J62" s="28"/>
      <c r="K62" s="28"/>
      <c r="L62" s="28"/>
      <c r="M62" s="28"/>
      <c r="N62" s="28"/>
      <c r="O62" s="28"/>
      <c r="P62" s="28"/>
      <c r="Q62" s="28"/>
      <c r="R62" s="28"/>
      <c r="S62" s="28"/>
      <c r="T62" s="63"/>
      <c r="U62" s="28"/>
      <c r="V62" s="28"/>
      <c r="W62" s="28"/>
      <c r="X62" s="28"/>
      <c r="Y62" s="63"/>
    </row>
    <row r="64" spans="2:25" x14ac:dyDescent="0.4">
      <c r="B64" s="31"/>
      <c r="C64" s="16"/>
      <c r="D64" s="16"/>
      <c r="E64" s="16"/>
      <c r="F64" s="16"/>
      <c r="G64" s="16"/>
      <c r="H64" s="16"/>
      <c r="I64" s="16"/>
      <c r="J64" s="16"/>
      <c r="K64" s="16"/>
      <c r="L64" s="16"/>
      <c r="M64" s="16"/>
      <c r="N64" s="16"/>
      <c r="O64" s="16"/>
      <c r="P64" s="16"/>
      <c r="Q64" s="16"/>
      <c r="R64" s="16"/>
      <c r="S64" s="16"/>
      <c r="T64" s="16"/>
      <c r="U64" s="31"/>
      <c r="V64" s="16"/>
      <c r="W64" s="16"/>
      <c r="X64" s="16"/>
      <c r="Y64" s="32"/>
    </row>
    <row r="65" spans="1:28" x14ac:dyDescent="0.4">
      <c r="B65" s="33" t="s">
        <v>54</v>
      </c>
      <c r="U65" s="33"/>
      <c r="V65" s="64" t="s">
        <v>27</v>
      </c>
      <c r="W65" s="64" t="s">
        <v>28</v>
      </c>
      <c r="X65" s="64" t="s">
        <v>29</v>
      </c>
      <c r="Y65" s="34"/>
    </row>
    <row r="66" spans="1:28" x14ac:dyDescent="0.4">
      <c r="B66" s="33"/>
      <c r="D66" s="1" t="s">
        <v>55</v>
      </c>
      <c r="U66" s="33"/>
      <c r="Y66" s="34"/>
    </row>
    <row r="67" spans="1:28" ht="17.25" customHeight="1" x14ac:dyDescent="0.4">
      <c r="B67" s="33"/>
      <c r="C67" s="1" t="s">
        <v>56</v>
      </c>
      <c r="U67" s="33"/>
      <c r="V67" s="10" t="s">
        <v>4</v>
      </c>
      <c r="W67" s="10" t="s">
        <v>28</v>
      </c>
      <c r="X67" s="10" t="s">
        <v>4</v>
      </c>
      <c r="Y67" s="65"/>
    </row>
    <row r="68" spans="1:28" ht="13.5" customHeight="1" x14ac:dyDescent="0.4">
      <c r="B68" s="33"/>
      <c r="U68" s="33"/>
      <c r="V68" s="10"/>
      <c r="W68" s="10"/>
      <c r="X68" s="10"/>
      <c r="Y68" s="66"/>
    </row>
    <row r="69" spans="1:28" ht="17.25" customHeight="1" x14ac:dyDescent="0.4">
      <c r="B69" s="33"/>
      <c r="C69" s="1" t="s">
        <v>57</v>
      </c>
      <c r="U69" s="33"/>
      <c r="V69" s="10" t="s">
        <v>4</v>
      </c>
      <c r="W69" s="10" t="s">
        <v>28</v>
      </c>
      <c r="X69" s="10" t="s">
        <v>4</v>
      </c>
      <c r="Y69" s="65"/>
    </row>
    <row r="70" spans="1:28" ht="13.5" customHeight="1" x14ac:dyDescent="0.4">
      <c r="B70" s="33"/>
      <c r="U70" s="33"/>
      <c r="V70" s="10"/>
      <c r="W70" s="10"/>
      <c r="X70" s="10"/>
      <c r="Y70" s="66"/>
    </row>
    <row r="71" spans="1:28" ht="17.25" customHeight="1" x14ac:dyDescent="0.4">
      <c r="A71" s="67"/>
      <c r="B71" s="33"/>
      <c r="C71" s="1" t="s">
        <v>58</v>
      </c>
      <c r="U71" s="33"/>
      <c r="V71" s="10" t="s">
        <v>4</v>
      </c>
      <c r="W71" s="10" t="s">
        <v>28</v>
      </c>
      <c r="X71" s="10" t="s">
        <v>4</v>
      </c>
      <c r="Y71" s="65"/>
    </row>
    <row r="72" spans="1:28" ht="13.5" customHeight="1" x14ac:dyDescent="0.4">
      <c r="B72" s="33"/>
      <c r="U72" s="33"/>
      <c r="V72" s="67"/>
      <c r="W72" s="67"/>
      <c r="X72" s="67"/>
      <c r="Y72" s="65"/>
    </row>
    <row r="73" spans="1:28" x14ac:dyDescent="0.15">
      <c r="B73" s="33"/>
      <c r="C73" s="1" t="s">
        <v>59</v>
      </c>
      <c r="U73" s="33"/>
      <c r="V73" s="10" t="s">
        <v>4</v>
      </c>
      <c r="W73" s="10" t="s">
        <v>28</v>
      </c>
      <c r="X73" s="10" t="s">
        <v>4</v>
      </c>
      <c r="Y73" s="65"/>
      <c r="Z73" s="2"/>
      <c r="AA73" s="2"/>
      <c r="AB73" s="2"/>
    </row>
    <row r="74" spans="1:28" ht="13.5" customHeight="1" x14ac:dyDescent="0.15">
      <c r="B74" s="33"/>
      <c r="U74" s="33"/>
      <c r="Y74" s="34"/>
      <c r="Z74" s="2"/>
      <c r="AA74" s="2"/>
      <c r="AB74" s="2"/>
    </row>
    <row r="75" spans="1:28" x14ac:dyDescent="0.15">
      <c r="B75" s="33"/>
      <c r="C75" s="1" t="s">
        <v>60</v>
      </c>
      <c r="U75" s="33"/>
      <c r="V75" s="10" t="s">
        <v>4</v>
      </c>
      <c r="W75" s="10" t="s">
        <v>28</v>
      </c>
      <c r="X75" s="10" t="s">
        <v>4</v>
      </c>
      <c r="Y75" s="65"/>
      <c r="Z75" s="2"/>
      <c r="AA75" s="2"/>
      <c r="AB75" s="2"/>
    </row>
    <row r="76" spans="1:28" x14ac:dyDescent="0.15">
      <c r="B76" s="33"/>
      <c r="U76" s="33"/>
      <c r="Y76" s="34"/>
      <c r="Z76" s="2"/>
      <c r="AA76" s="2"/>
      <c r="AB76" s="2"/>
    </row>
    <row r="77" spans="1:28" ht="16.5" customHeight="1" x14ac:dyDescent="0.15">
      <c r="B77" s="33"/>
      <c r="C77" s="1" t="s">
        <v>61</v>
      </c>
      <c r="U77" s="33"/>
      <c r="V77" s="10" t="s">
        <v>4</v>
      </c>
      <c r="W77" s="10" t="s">
        <v>28</v>
      </c>
      <c r="X77" s="10" t="s">
        <v>4</v>
      </c>
      <c r="Y77" s="65"/>
      <c r="Z77" s="2"/>
      <c r="AA77" s="2"/>
      <c r="AB77" s="2"/>
    </row>
    <row r="78" spans="1:28" ht="5.25" customHeight="1" x14ac:dyDescent="0.15">
      <c r="B78" s="62"/>
      <c r="C78" s="28"/>
      <c r="D78" s="28"/>
      <c r="E78" s="28"/>
      <c r="F78" s="28"/>
      <c r="G78" s="28"/>
      <c r="H78" s="28"/>
      <c r="I78" s="28"/>
      <c r="J78" s="28"/>
      <c r="K78" s="28"/>
      <c r="L78" s="28"/>
      <c r="M78" s="28"/>
      <c r="N78" s="28"/>
      <c r="O78" s="28"/>
      <c r="P78" s="28"/>
      <c r="Q78" s="28"/>
      <c r="R78" s="28"/>
      <c r="S78" s="28"/>
      <c r="T78" s="28"/>
      <c r="U78" s="62"/>
      <c r="V78" s="28"/>
      <c r="W78" s="28"/>
      <c r="X78" s="28"/>
      <c r="Y78" s="63"/>
      <c r="Z78" s="2"/>
      <c r="AA78" s="2"/>
      <c r="AB78" s="2"/>
    </row>
    <row r="80" spans="1:28" x14ac:dyDescent="0.4">
      <c r="B80" s="1" t="s">
        <v>62</v>
      </c>
    </row>
    <row r="81" spans="2:28" x14ac:dyDescent="0.15">
      <c r="B81" s="1" t="s">
        <v>63</v>
      </c>
      <c r="K81" s="2"/>
      <c r="L81" s="2"/>
      <c r="M81" s="2"/>
      <c r="N81" s="2"/>
      <c r="O81" s="2"/>
      <c r="P81" s="2"/>
      <c r="Q81" s="2"/>
      <c r="R81" s="2"/>
      <c r="S81" s="2"/>
      <c r="T81" s="2"/>
      <c r="U81" s="2"/>
      <c r="V81" s="2"/>
      <c r="W81" s="2"/>
      <c r="X81" s="2"/>
      <c r="Y81" s="2"/>
      <c r="Z81" s="2"/>
      <c r="AA81" s="2"/>
      <c r="AB81" s="2"/>
    </row>
    <row r="82" spans="2:28" ht="13.5" customHeight="1" x14ac:dyDescent="0.15">
      <c r="B82" s="1" t="s">
        <v>64</v>
      </c>
      <c r="K82" s="2"/>
      <c r="L82" s="2"/>
      <c r="M82" s="2"/>
      <c r="N82" s="2"/>
      <c r="O82" s="2"/>
      <c r="P82" s="2"/>
      <c r="Q82" s="2"/>
      <c r="R82" s="2"/>
      <c r="S82" s="2"/>
      <c r="T82" s="2"/>
      <c r="U82" s="2"/>
      <c r="V82" s="2"/>
      <c r="W82" s="2"/>
      <c r="X82" s="2"/>
      <c r="Y82" s="2"/>
      <c r="Z82" s="2"/>
      <c r="AA82" s="2"/>
      <c r="AB82" s="2"/>
    </row>
    <row r="84" spans="2:28" x14ac:dyDescent="0.15">
      <c r="B84" s="1" t="s">
        <v>0</v>
      </c>
      <c r="C84" s="2"/>
      <c r="D84" s="2"/>
      <c r="E84" s="2"/>
      <c r="F84" s="2"/>
      <c r="G84" s="2"/>
      <c r="H84" s="2"/>
      <c r="I84" s="2"/>
      <c r="J84" s="2"/>
      <c r="K84" s="2"/>
      <c r="L84" s="2"/>
      <c r="M84" s="2"/>
      <c r="N84" s="2"/>
      <c r="O84" s="2"/>
      <c r="P84" s="2"/>
      <c r="Q84" s="2"/>
      <c r="R84" s="2"/>
      <c r="S84" s="2"/>
      <c r="T84" s="2"/>
      <c r="U84" s="2"/>
      <c r="V84" s="2"/>
      <c r="W84" s="2"/>
      <c r="X84" s="2"/>
      <c r="Y84" s="2"/>
    </row>
    <row r="86" spans="2:28" x14ac:dyDescent="0.4">
      <c r="B86" s="20" t="s">
        <v>65</v>
      </c>
      <c r="C86" s="20"/>
      <c r="D86" s="20"/>
      <c r="E86" s="20"/>
      <c r="F86" s="20"/>
      <c r="G86" s="20"/>
      <c r="H86" s="20"/>
      <c r="I86" s="20"/>
      <c r="J86" s="20"/>
      <c r="K86" s="20"/>
      <c r="L86" s="20"/>
      <c r="M86" s="20"/>
      <c r="N86" s="20"/>
      <c r="O86" s="20"/>
      <c r="P86" s="20"/>
      <c r="Q86" s="20"/>
      <c r="R86" s="20"/>
      <c r="S86" s="20"/>
      <c r="T86" s="20"/>
      <c r="U86" s="20"/>
      <c r="V86" s="20"/>
      <c r="W86" s="20"/>
      <c r="X86" s="20"/>
      <c r="Y86" s="20"/>
    </row>
    <row r="88" spans="2:28" ht="23.25" customHeight="1" x14ac:dyDescent="0.4">
      <c r="B88" s="4" t="s">
        <v>2</v>
      </c>
      <c r="C88" s="4"/>
      <c r="D88" s="4"/>
      <c r="E88" s="4"/>
      <c r="F88" s="4"/>
      <c r="G88" s="5"/>
      <c r="H88" s="6"/>
      <c r="I88" s="6"/>
      <c r="J88" s="6"/>
      <c r="K88" s="6"/>
      <c r="L88" s="6"/>
      <c r="M88" s="6"/>
      <c r="N88" s="6"/>
      <c r="O88" s="6"/>
      <c r="P88" s="6"/>
      <c r="Q88" s="6"/>
      <c r="R88" s="6"/>
      <c r="S88" s="6"/>
      <c r="T88" s="6"/>
      <c r="U88" s="6"/>
      <c r="V88" s="6"/>
      <c r="W88" s="6"/>
      <c r="X88" s="6"/>
      <c r="Y88" s="7"/>
    </row>
    <row r="89" spans="2:28" ht="23.25" customHeight="1" x14ac:dyDescent="0.4">
      <c r="B89" s="4" t="s">
        <v>3</v>
      </c>
      <c r="C89" s="4"/>
      <c r="D89" s="4"/>
      <c r="E89" s="4"/>
      <c r="F89" s="4"/>
      <c r="G89" s="8" t="s">
        <v>4</v>
      </c>
      <c r="H89" s="9" t="s">
        <v>5</v>
      </c>
      <c r="I89" s="9"/>
      <c r="J89" s="9"/>
      <c r="K89" s="9"/>
      <c r="L89" s="10" t="s">
        <v>4</v>
      </c>
      <c r="M89" s="9" t="s">
        <v>6</v>
      </c>
      <c r="N89" s="9"/>
      <c r="O89" s="9"/>
      <c r="P89" s="9"/>
      <c r="Q89" s="10" t="s">
        <v>4</v>
      </c>
      <c r="R89" s="9" t="s">
        <v>7</v>
      </c>
      <c r="S89" s="9"/>
      <c r="T89" s="9"/>
      <c r="U89" s="9"/>
      <c r="V89" s="9"/>
      <c r="W89" s="11"/>
      <c r="X89" s="11"/>
      <c r="Y89" s="12"/>
    </row>
    <row r="90" spans="2:28" ht="20.100000000000001" customHeight="1" x14ac:dyDescent="0.4">
      <c r="B90" s="13" t="s">
        <v>8</v>
      </c>
      <c r="C90" s="14"/>
      <c r="D90" s="14"/>
      <c r="E90" s="14"/>
      <c r="F90" s="15"/>
      <c r="G90" s="68" t="s">
        <v>4</v>
      </c>
      <c r="H90" s="16" t="s">
        <v>9</v>
      </c>
      <c r="I90" s="17"/>
      <c r="J90" s="17"/>
      <c r="K90" s="17"/>
      <c r="L90" s="17"/>
      <c r="M90" s="17"/>
      <c r="N90" s="17"/>
      <c r="O90" s="17"/>
      <c r="P90" s="17"/>
      <c r="Q90" s="17"/>
      <c r="R90" s="17"/>
      <c r="S90" s="17"/>
      <c r="T90" s="17"/>
      <c r="U90" s="17"/>
      <c r="V90" s="17"/>
      <c r="W90" s="17"/>
      <c r="X90" s="17"/>
      <c r="Y90" s="18"/>
    </row>
    <row r="91" spans="2:28" ht="20.100000000000001" customHeight="1" x14ac:dyDescent="0.4">
      <c r="B91" s="19"/>
      <c r="C91" s="20"/>
      <c r="D91" s="20"/>
      <c r="E91" s="20"/>
      <c r="F91" s="21"/>
      <c r="G91" s="10" t="s">
        <v>4</v>
      </c>
      <c r="H91" s="1" t="s">
        <v>10</v>
      </c>
      <c r="I91" s="22"/>
      <c r="J91" s="22"/>
      <c r="K91" s="22"/>
      <c r="L91" s="22"/>
      <c r="M91" s="22"/>
      <c r="N91" s="22"/>
      <c r="O91" s="22"/>
      <c r="P91" s="22"/>
      <c r="Q91" s="22"/>
      <c r="R91" s="22"/>
      <c r="S91" s="22"/>
      <c r="T91" s="22"/>
      <c r="U91" s="22"/>
      <c r="V91" s="22"/>
      <c r="W91" s="22"/>
      <c r="X91" s="22"/>
      <c r="Y91" s="23"/>
    </row>
    <row r="92" spans="2:28" ht="20.100000000000001" customHeight="1" x14ac:dyDescent="0.4">
      <c r="B92" s="24"/>
      <c r="C92" s="25"/>
      <c r="D92" s="25"/>
      <c r="E92" s="25"/>
      <c r="F92" s="26"/>
      <c r="G92" s="69" t="s">
        <v>4</v>
      </c>
      <c r="H92" s="28" t="s">
        <v>11</v>
      </c>
      <c r="I92" s="29"/>
      <c r="J92" s="29"/>
      <c r="K92" s="29"/>
      <c r="L92" s="29"/>
      <c r="M92" s="29"/>
      <c r="N92" s="29"/>
      <c r="O92" s="29"/>
      <c r="P92" s="29"/>
      <c r="Q92" s="29"/>
      <c r="R92" s="29"/>
      <c r="S92" s="29"/>
      <c r="T92" s="29"/>
      <c r="U92" s="29"/>
      <c r="V92" s="29"/>
      <c r="W92" s="29"/>
      <c r="X92" s="29"/>
      <c r="Y92" s="30"/>
    </row>
    <row r="94" spans="2:28" x14ac:dyDescent="0.15">
      <c r="B94" s="31"/>
      <c r="C94" s="16"/>
      <c r="D94" s="16"/>
      <c r="E94" s="16"/>
      <c r="F94" s="16"/>
      <c r="G94" s="16"/>
      <c r="H94" s="16"/>
      <c r="I94" s="16"/>
      <c r="J94" s="16"/>
      <c r="K94" s="16"/>
      <c r="L94" s="16"/>
      <c r="M94" s="16"/>
      <c r="N94" s="16"/>
      <c r="O94" s="16"/>
      <c r="P94" s="16"/>
      <c r="Q94" s="16"/>
      <c r="R94" s="16"/>
      <c r="S94" s="16"/>
      <c r="T94" s="32"/>
      <c r="U94" s="16"/>
      <c r="V94" s="16"/>
      <c r="W94" s="16"/>
      <c r="X94" s="16"/>
      <c r="Y94" s="32"/>
      <c r="Z94" s="2"/>
      <c r="AA94" s="2"/>
      <c r="AB94" s="2"/>
    </row>
    <row r="95" spans="2:28" x14ac:dyDescent="0.15">
      <c r="B95" s="33" t="s">
        <v>66</v>
      </c>
      <c r="T95" s="34"/>
      <c r="V95" s="64" t="s">
        <v>27</v>
      </c>
      <c r="W95" s="64" t="s">
        <v>28</v>
      </c>
      <c r="X95" s="64" t="s">
        <v>29</v>
      </c>
      <c r="Y95" s="34"/>
      <c r="Z95" s="2"/>
      <c r="AA95" s="2"/>
      <c r="AB95" s="2"/>
    </row>
    <row r="96" spans="2:28" x14ac:dyDescent="0.15">
      <c r="B96" s="33"/>
      <c r="T96" s="34"/>
      <c r="Y96" s="34"/>
      <c r="Z96" s="2"/>
      <c r="AA96" s="2"/>
      <c r="AB96" s="2"/>
    </row>
    <row r="97" spans="2:28" ht="17.25" customHeight="1" x14ac:dyDescent="0.4">
      <c r="B97" s="33"/>
      <c r="C97" s="1" t="s">
        <v>67</v>
      </c>
      <c r="T97" s="34"/>
      <c r="V97" s="10" t="s">
        <v>4</v>
      </c>
      <c r="W97" s="10" t="s">
        <v>28</v>
      </c>
      <c r="X97" s="10" t="s">
        <v>4</v>
      </c>
      <c r="Y97" s="65"/>
    </row>
    <row r="98" spans="2:28" x14ac:dyDescent="0.4">
      <c r="B98" s="33"/>
      <c r="T98" s="34"/>
      <c r="V98" s="10"/>
      <c r="W98" s="10"/>
      <c r="X98" s="10"/>
      <c r="Y98" s="66"/>
    </row>
    <row r="99" spans="2:28" ht="17.25" customHeight="1" x14ac:dyDescent="0.4">
      <c r="B99" s="33"/>
      <c r="C99" s="1" t="s">
        <v>68</v>
      </c>
      <c r="T99" s="34"/>
      <c r="V99" s="10" t="s">
        <v>4</v>
      </c>
      <c r="W99" s="10" t="s">
        <v>28</v>
      </c>
      <c r="X99" s="10" t="s">
        <v>4</v>
      </c>
      <c r="Y99" s="65"/>
    </row>
    <row r="100" spans="2:28" x14ac:dyDescent="0.4">
      <c r="B100" s="33"/>
      <c r="T100" s="34"/>
      <c r="V100" s="10"/>
      <c r="W100" s="10"/>
      <c r="X100" s="10"/>
      <c r="Y100" s="66"/>
    </row>
    <row r="101" spans="2:28" ht="17.25" customHeight="1" x14ac:dyDescent="0.4">
      <c r="B101" s="33"/>
      <c r="C101" s="1" t="s">
        <v>69</v>
      </c>
      <c r="T101" s="34"/>
      <c r="V101" s="10" t="s">
        <v>4</v>
      </c>
      <c r="W101" s="10" t="s">
        <v>28</v>
      </c>
      <c r="X101" s="10" t="s">
        <v>4</v>
      </c>
      <c r="Y101" s="65"/>
    </row>
    <row r="102" spans="2:28" ht="7.5" customHeight="1" x14ac:dyDescent="0.4">
      <c r="B102" s="33"/>
      <c r="T102" s="34"/>
      <c r="V102" s="67"/>
      <c r="W102" s="67"/>
      <c r="X102" s="67"/>
      <c r="Y102" s="65"/>
    </row>
    <row r="103" spans="2:28" x14ac:dyDescent="0.4">
      <c r="B103" s="33"/>
      <c r="C103" s="1" t="s">
        <v>70</v>
      </c>
      <c r="T103" s="34"/>
      <c r="V103" s="67"/>
      <c r="W103" s="67"/>
      <c r="X103" s="67"/>
      <c r="Y103" s="65"/>
    </row>
    <row r="104" spans="2:28" x14ac:dyDescent="0.4">
      <c r="B104" s="62"/>
      <c r="C104" s="28"/>
      <c r="D104" s="28"/>
      <c r="E104" s="28"/>
      <c r="F104" s="28"/>
      <c r="G104" s="28"/>
      <c r="H104" s="28"/>
      <c r="I104" s="28"/>
      <c r="J104" s="28"/>
      <c r="K104" s="28"/>
      <c r="L104" s="28"/>
      <c r="M104" s="28"/>
      <c r="N104" s="28"/>
      <c r="O104" s="28"/>
      <c r="P104" s="28"/>
      <c r="Q104" s="28"/>
      <c r="R104" s="28"/>
      <c r="S104" s="28"/>
      <c r="T104" s="63"/>
      <c r="U104" s="28"/>
      <c r="V104" s="28"/>
      <c r="W104" s="28"/>
      <c r="X104" s="28"/>
      <c r="Y104" s="63"/>
    </row>
    <row r="106" spans="2:28" x14ac:dyDescent="0.15">
      <c r="B106" s="31"/>
      <c r="C106" s="16"/>
      <c r="D106" s="16"/>
      <c r="E106" s="16"/>
      <c r="F106" s="16"/>
      <c r="G106" s="16"/>
      <c r="H106" s="16"/>
      <c r="I106" s="16"/>
      <c r="J106" s="16"/>
      <c r="K106" s="16"/>
      <c r="L106" s="16"/>
      <c r="M106" s="16"/>
      <c r="N106" s="16"/>
      <c r="O106" s="16"/>
      <c r="P106" s="16"/>
      <c r="Q106" s="16"/>
      <c r="R106" s="16"/>
      <c r="S106" s="16"/>
      <c r="T106" s="32"/>
      <c r="U106" s="16"/>
      <c r="V106" s="16"/>
      <c r="W106" s="16"/>
      <c r="X106" s="16"/>
      <c r="Y106" s="32"/>
      <c r="Z106" s="2"/>
      <c r="AA106" s="2"/>
      <c r="AB106" s="2"/>
    </row>
    <row r="107" spans="2:28" x14ac:dyDescent="0.15">
      <c r="B107" s="33" t="s">
        <v>71</v>
      </c>
      <c r="T107" s="34"/>
      <c r="V107" s="64" t="s">
        <v>27</v>
      </c>
      <c r="W107" s="64" t="s">
        <v>28</v>
      </c>
      <c r="X107" s="64" t="s">
        <v>29</v>
      </c>
      <c r="Y107" s="34"/>
      <c r="Z107" s="2"/>
      <c r="AA107" s="2"/>
      <c r="AB107" s="2"/>
    </row>
    <row r="108" spans="2:28" x14ac:dyDescent="0.15">
      <c r="B108" s="33"/>
      <c r="T108" s="34"/>
      <c r="Y108" s="34"/>
      <c r="Z108" s="2"/>
      <c r="AA108" s="2"/>
      <c r="AB108" s="2"/>
    </row>
    <row r="109" spans="2:28" ht="17.25" customHeight="1" x14ac:dyDescent="0.4">
      <c r="B109" s="33"/>
      <c r="C109" s="1" t="s">
        <v>67</v>
      </c>
      <c r="T109" s="34"/>
      <c r="V109" s="10" t="s">
        <v>4</v>
      </c>
      <c r="W109" s="10" t="s">
        <v>28</v>
      </c>
      <c r="X109" s="10" t="s">
        <v>4</v>
      </c>
      <c r="Y109" s="65"/>
    </row>
    <row r="110" spans="2:28" x14ac:dyDescent="0.4">
      <c r="B110" s="33"/>
      <c r="T110" s="34"/>
      <c r="V110" s="10"/>
      <c r="W110" s="10"/>
      <c r="X110" s="10"/>
      <c r="Y110" s="66"/>
    </row>
    <row r="111" spans="2:28" ht="13.5" customHeight="1" x14ac:dyDescent="0.4">
      <c r="B111" s="33"/>
      <c r="C111" s="1" t="s">
        <v>72</v>
      </c>
      <c r="T111" s="34"/>
      <c r="V111" s="10" t="s">
        <v>4</v>
      </c>
      <c r="W111" s="10" t="s">
        <v>28</v>
      </c>
      <c r="X111" s="10" t="s">
        <v>4</v>
      </c>
      <c r="Y111" s="65"/>
    </row>
    <row r="112" spans="2:28" ht="7.5" customHeight="1" x14ac:dyDescent="0.4">
      <c r="B112" s="33"/>
      <c r="T112" s="34"/>
      <c r="V112" s="67"/>
      <c r="W112" s="67"/>
      <c r="X112" s="67"/>
      <c r="Y112" s="65"/>
    </row>
    <row r="113" spans="2:28" ht="17.25" customHeight="1" x14ac:dyDescent="0.4">
      <c r="B113" s="33"/>
      <c r="C113" s="1" t="s">
        <v>73</v>
      </c>
      <c r="T113" s="34"/>
      <c r="V113" s="67"/>
      <c r="W113" s="67"/>
      <c r="X113" s="67"/>
      <c r="Y113" s="65"/>
    </row>
    <row r="114" spans="2:28" x14ac:dyDescent="0.4">
      <c r="B114" s="62"/>
      <c r="C114" s="28"/>
      <c r="D114" s="28"/>
      <c r="E114" s="28"/>
      <c r="F114" s="28"/>
      <c r="G114" s="28"/>
      <c r="H114" s="28"/>
      <c r="I114" s="28"/>
      <c r="J114" s="28"/>
      <c r="K114" s="28"/>
      <c r="L114" s="28"/>
      <c r="M114" s="28"/>
      <c r="N114" s="28"/>
      <c r="O114" s="28"/>
      <c r="P114" s="28"/>
      <c r="Q114" s="28"/>
      <c r="R114" s="28"/>
      <c r="S114" s="28"/>
      <c r="T114" s="63"/>
      <c r="U114" s="28"/>
      <c r="V114" s="28"/>
      <c r="W114" s="28"/>
      <c r="X114" s="28"/>
      <c r="Y114" s="63"/>
    </row>
    <row r="117" spans="2:28" x14ac:dyDescent="0.15">
      <c r="K117" s="2"/>
      <c r="L117" s="2"/>
      <c r="M117" s="2"/>
      <c r="N117" s="2"/>
      <c r="O117" s="2"/>
      <c r="P117" s="2"/>
      <c r="Q117" s="2"/>
      <c r="R117" s="2"/>
      <c r="S117" s="2"/>
      <c r="T117" s="2"/>
      <c r="U117" s="2"/>
      <c r="V117" s="2"/>
      <c r="W117" s="2"/>
      <c r="X117" s="2"/>
      <c r="Y117" s="2"/>
      <c r="Z117" s="2"/>
      <c r="AA117" s="2"/>
      <c r="AB117" s="2"/>
    </row>
    <row r="122" spans="2:28" x14ac:dyDescent="0.4">
      <c r="C122" s="28"/>
      <c r="D122" s="28"/>
      <c r="E122" s="28"/>
      <c r="F122" s="28"/>
      <c r="G122" s="28"/>
    </row>
    <row r="123" spans="2:28" x14ac:dyDescent="0.4">
      <c r="C123" s="16"/>
    </row>
  </sheetData>
  <mergeCells count="61">
    <mergeCell ref="B86:Y86"/>
    <mergeCell ref="B88:F88"/>
    <mergeCell ref="G88:Y88"/>
    <mergeCell ref="B89:F89"/>
    <mergeCell ref="B90:F92"/>
    <mergeCell ref="E41:F41"/>
    <mergeCell ref="H41:I41"/>
    <mergeCell ref="K41:M41"/>
    <mergeCell ref="O41:P41"/>
    <mergeCell ref="R41:S41"/>
    <mergeCell ref="V41:X41"/>
    <mergeCell ref="E40:F40"/>
    <mergeCell ref="H40:I40"/>
    <mergeCell ref="K40:M40"/>
    <mergeCell ref="O40:P40"/>
    <mergeCell ref="R40:S40"/>
    <mergeCell ref="V40:X40"/>
    <mergeCell ref="D35:X35"/>
    <mergeCell ref="E39:F39"/>
    <mergeCell ref="H39:I39"/>
    <mergeCell ref="K39:M39"/>
    <mergeCell ref="O39:P39"/>
    <mergeCell ref="R39:S39"/>
    <mergeCell ref="V39:X39"/>
    <mergeCell ref="D30:H30"/>
    <mergeCell ref="I30:L30"/>
    <mergeCell ref="P30:Q30"/>
    <mergeCell ref="V30:W30"/>
    <mergeCell ref="D31:H31"/>
    <mergeCell ref="I31:L31"/>
    <mergeCell ref="P31:Q31"/>
    <mergeCell ref="V31:W31"/>
    <mergeCell ref="D28:H28"/>
    <mergeCell ref="I28:L28"/>
    <mergeCell ref="P28:Q28"/>
    <mergeCell ref="V28:W28"/>
    <mergeCell ref="D29:H29"/>
    <mergeCell ref="I29:L29"/>
    <mergeCell ref="P29:Q29"/>
    <mergeCell ref="V29:W29"/>
    <mergeCell ref="D24:U25"/>
    <mergeCell ref="D26:X26"/>
    <mergeCell ref="D27:H27"/>
    <mergeCell ref="I27:L27"/>
    <mergeCell ref="P27:Q27"/>
    <mergeCell ref="V27:W27"/>
    <mergeCell ref="K20:L20"/>
    <mergeCell ref="D22:H22"/>
    <mergeCell ref="I22:L22"/>
    <mergeCell ref="P22:Q22"/>
    <mergeCell ref="V22:W22"/>
    <mergeCell ref="D23:H23"/>
    <mergeCell ref="I23:L23"/>
    <mergeCell ref="P23:Q23"/>
    <mergeCell ref="V23:W23"/>
    <mergeCell ref="B4:Y4"/>
    <mergeCell ref="B6:F6"/>
    <mergeCell ref="G6:Y6"/>
    <mergeCell ref="B7:F7"/>
    <mergeCell ref="B8:F11"/>
    <mergeCell ref="B12:F15"/>
  </mergeCells>
  <phoneticPr fontId="3"/>
  <dataValidations count="1">
    <dataValidation type="list" allowBlank="1" showInputMessage="1" showErrorMessage="1" sqref="G7:G15 L7 Q7 V48 X48 V51:V52 X51:X52 V54:V55 X54:X55 V67 X67 V69 X69 V71 X71 V73 X73 V75 X75 X77 V77 V57:V59 X57:X59 V61 X61 L89 Q89 G89:G92 V97 X97 V99 X99 V101 X101 V109 X109 V111 X111" xr:uid="{73EBBB31-A09D-499D-BEDF-5D51CD31D5CE}">
      <formula1>"□,■"</formula1>
    </dataValidation>
  </dataValidations>
  <pageMargins left="0.7" right="0.7" top="0.75" bottom="0.75" header="0.3" footer="0.3"/>
  <rowBreaks count="1" manualBreakCount="1">
    <brk id="83"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83503A-7644-402B-930A-95F7170703F6}">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16</vt:lpstr>
      <vt:lpstr>Sheet1</vt:lpstr>
      <vt:lpstr>別紙16!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55:15Z</dcterms:created>
  <dcterms:modified xsi:type="dcterms:W3CDTF">2024-03-22T04:55:40Z</dcterms:modified>
</cp:coreProperties>
</file>